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38"/>
    <p:sldMasterId id="2147483695" r:id="rId39"/>
  </p:sldMasterIdLst>
  <p:notesMasterIdLst>
    <p:notesMasterId r:id="rId61"/>
  </p:notesMasterIdLst>
  <p:handoutMasterIdLst>
    <p:handoutMasterId r:id="rId62"/>
  </p:handoutMasterIdLst>
  <p:sldIdLst>
    <p:sldId id="260" r:id="rId40"/>
    <p:sldId id="875" r:id="rId41"/>
    <p:sldId id="931" r:id="rId42"/>
    <p:sldId id="879" r:id="rId43"/>
    <p:sldId id="928" r:id="rId44"/>
    <p:sldId id="917" r:id="rId45"/>
    <p:sldId id="919" r:id="rId46"/>
    <p:sldId id="912" r:id="rId47"/>
    <p:sldId id="851" r:id="rId48"/>
    <p:sldId id="839" r:id="rId49"/>
    <p:sldId id="930" r:id="rId50"/>
    <p:sldId id="921" r:id="rId51"/>
    <p:sldId id="894" r:id="rId52"/>
    <p:sldId id="923" r:id="rId53"/>
    <p:sldId id="925" r:id="rId54"/>
    <p:sldId id="904" r:id="rId55"/>
    <p:sldId id="926" r:id="rId56"/>
    <p:sldId id="911" r:id="rId57"/>
    <p:sldId id="932" r:id="rId58"/>
    <p:sldId id="927" r:id="rId59"/>
    <p:sldId id="929" r:id="rId60"/>
  </p:sldIdLst>
  <p:sldSz cx="9144000" cy="5143500" type="screen16x9"/>
  <p:notesSz cx="6858000" cy="9144000"/>
  <p:defaultText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43" userDrawn="1">
          <p15:clr>
            <a:srgbClr val="A4A3A4"/>
          </p15:clr>
        </p15:guide>
        <p15:guide id="2" pos="288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00802F"/>
    <a:srgbClr val="F46A01"/>
    <a:srgbClr val="E31C3D"/>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0696A6E-4A7F-E443-856C-D716A3E160E2}" v="254" dt="2023-05-08T09:42:17.319"/>
  </p1510:revLst>
</p1510:revInfo>
</file>

<file path=ppt/tableStyles.xml><?xml version="1.0" encoding="utf-8"?>
<a:tblStyleLst xmlns:a="http://schemas.openxmlformats.org/drawingml/2006/main" def="{0E3FDE45-AF77-4B5C-9715-49D594BDF05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2305"/>
    <p:restoredTop sz="73488"/>
  </p:normalViewPr>
  <p:slideViewPr>
    <p:cSldViewPr snapToGrid="0">
      <p:cViewPr>
        <p:scale>
          <a:sx n="154" d="100"/>
          <a:sy n="154" d="100"/>
        </p:scale>
        <p:origin x="544" y="32"/>
      </p:cViewPr>
      <p:guideLst>
        <p:guide orient="horz" pos="1643"/>
        <p:guide pos="2880"/>
      </p:guideLst>
    </p:cSldViewPr>
  </p:slideViewPr>
  <p:notesTextViewPr>
    <p:cViewPr>
      <p:scale>
        <a:sx n="125" d="100"/>
        <a:sy n="125" d="100"/>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slide" Target="slides/slide3.xml"/><Relationship Id="rId47" Type="http://schemas.openxmlformats.org/officeDocument/2006/relationships/slide" Target="slides/slide8.xml"/><Relationship Id="rId50" Type="http://schemas.openxmlformats.org/officeDocument/2006/relationships/slide" Target="slides/slide11.xml"/><Relationship Id="rId55" Type="http://schemas.openxmlformats.org/officeDocument/2006/relationships/slide" Target="slides/slide16.xml"/><Relationship Id="rId63" Type="http://schemas.openxmlformats.org/officeDocument/2006/relationships/presProps" Target="presProps.xml"/><Relationship Id="rId68"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slide" Target="slides/slide1.xml"/><Relationship Id="rId45" Type="http://schemas.openxmlformats.org/officeDocument/2006/relationships/slide" Target="slides/slide6.xml"/><Relationship Id="rId53" Type="http://schemas.openxmlformats.org/officeDocument/2006/relationships/slide" Target="slides/slide14.xml"/><Relationship Id="rId58" Type="http://schemas.openxmlformats.org/officeDocument/2006/relationships/slide" Target="slides/slide19.xml"/><Relationship Id="rId66" Type="http://schemas.openxmlformats.org/officeDocument/2006/relationships/tableStyles" Target="tableStyles.xml"/><Relationship Id="rId5" Type="http://schemas.openxmlformats.org/officeDocument/2006/relationships/customXml" Target="../customXml/item5.xml"/><Relationship Id="rId61" Type="http://schemas.openxmlformats.org/officeDocument/2006/relationships/notesMaster" Target="notesMasters/notesMaster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4.xml"/><Relationship Id="rId48" Type="http://schemas.openxmlformats.org/officeDocument/2006/relationships/slide" Target="slides/slide9.xml"/><Relationship Id="rId56" Type="http://schemas.openxmlformats.org/officeDocument/2006/relationships/slide" Target="slides/slide17.xml"/><Relationship Id="rId64"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12.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Master" Target="slideMasters/slideMaster1.xml"/><Relationship Id="rId46" Type="http://schemas.openxmlformats.org/officeDocument/2006/relationships/slide" Target="slides/slide7.xml"/><Relationship Id="rId59" Type="http://schemas.openxmlformats.org/officeDocument/2006/relationships/slide" Target="slides/slide20.xml"/><Relationship Id="rId67" Type="http://schemas.microsoft.com/office/2016/11/relationships/changesInfo" Target="changesInfos/changesInfo1.xml"/><Relationship Id="rId20" Type="http://schemas.openxmlformats.org/officeDocument/2006/relationships/customXml" Target="../customXml/item20.xml"/><Relationship Id="rId41" Type="http://schemas.openxmlformats.org/officeDocument/2006/relationships/slide" Target="slides/slide2.xml"/><Relationship Id="rId54" Type="http://schemas.openxmlformats.org/officeDocument/2006/relationships/slide" Target="slides/slide15.xml"/><Relationship Id="rId62"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10.xml"/><Relationship Id="rId57" Type="http://schemas.openxmlformats.org/officeDocument/2006/relationships/slide" Target="slides/slide18.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5.xml"/><Relationship Id="rId52" Type="http://schemas.openxmlformats.org/officeDocument/2006/relationships/slide" Target="slides/slide13.xml"/><Relationship Id="rId60" Type="http://schemas.openxmlformats.org/officeDocument/2006/relationships/slide" Target="slides/slide21.xml"/><Relationship Id="rId65"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Master" Target="slideMasters/slideMaster2.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luffi, Pietro" userId="810df28b-0e6a-47dc-86dd-8f68aed2c426" providerId="ADAL" clId="{956EA079-8545-B141-9AAF-67693470E33F}"/>
    <pc:docChg chg="undo redo custSel addSld modSld">
      <pc:chgData name="Aluffi, Pietro" userId="810df28b-0e6a-47dc-86dd-8f68aed2c426" providerId="ADAL" clId="{956EA079-8545-B141-9AAF-67693470E33F}" dt="2022-11-15T14:59:02.705" v="121" actId="313"/>
      <pc:docMkLst>
        <pc:docMk/>
      </pc:docMkLst>
      <pc:sldChg chg="modSp mod">
        <pc:chgData name="Aluffi, Pietro" userId="810df28b-0e6a-47dc-86dd-8f68aed2c426" providerId="ADAL" clId="{956EA079-8545-B141-9AAF-67693470E33F}" dt="2022-11-15T14:44:06.387" v="30" actId="20577"/>
        <pc:sldMkLst>
          <pc:docMk/>
          <pc:sldMk cId="1027030971" sldId="260"/>
        </pc:sldMkLst>
        <pc:spChg chg="mod">
          <ac:chgData name="Aluffi, Pietro" userId="810df28b-0e6a-47dc-86dd-8f68aed2c426" providerId="ADAL" clId="{956EA079-8545-B141-9AAF-67693470E33F}" dt="2022-11-15T14:43:26.710" v="11" actId="404"/>
          <ac:spMkLst>
            <pc:docMk/>
            <pc:sldMk cId="1027030971" sldId="260"/>
            <ac:spMk id="2" creationId="{E94B0BCA-4F5F-4013-85EF-9B92FCD581B6}"/>
          </ac:spMkLst>
        </pc:spChg>
        <pc:spChg chg="mod">
          <ac:chgData name="Aluffi, Pietro" userId="810df28b-0e6a-47dc-86dd-8f68aed2c426" providerId="ADAL" clId="{956EA079-8545-B141-9AAF-67693470E33F}" dt="2022-11-15T14:44:06.387" v="30" actId="20577"/>
          <ac:spMkLst>
            <pc:docMk/>
            <pc:sldMk cId="1027030971" sldId="260"/>
            <ac:spMk id="3" creationId="{B3A452BF-BC7E-4241-8028-121E88C1F22B}"/>
          </ac:spMkLst>
        </pc:spChg>
      </pc:sldChg>
      <pc:sldChg chg="add">
        <pc:chgData name="Aluffi, Pietro" userId="810df28b-0e6a-47dc-86dd-8f68aed2c426" providerId="ADAL" clId="{956EA079-8545-B141-9AAF-67693470E33F}" dt="2022-11-15T14:57:57.891" v="49"/>
        <pc:sldMkLst>
          <pc:docMk/>
          <pc:sldMk cId="1070425001" sldId="822"/>
        </pc:sldMkLst>
      </pc:sldChg>
      <pc:sldChg chg="modSp add mod">
        <pc:chgData name="Aluffi, Pietro" userId="810df28b-0e6a-47dc-86dd-8f68aed2c426" providerId="ADAL" clId="{956EA079-8545-B141-9AAF-67693470E33F}" dt="2022-11-15T14:59:02.705" v="121" actId="313"/>
        <pc:sldMkLst>
          <pc:docMk/>
          <pc:sldMk cId="1700681543" sldId="837"/>
        </pc:sldMkLst>
        <pc:spChg chg="mod">
          <ac:chgData name="Aluffi, Pietro" userId="810df28b-0e6a-47dc-86dd-8f68aed2c426" providerId="ADAL" clId="{956EA079-8545-B141-9AAF-67693470E33F}" dt="2022-11-15T14:59:02.705" v="121" actId="313"/>
          <ac:spMkLst>
            <pc:docMk/>
            <pc:sldMk cId="1700681543" sldId="837"/>
            <ac:spMk id="2" creationId="{AFE34C7F-346D-4632-A718-477C9B221782}"/>
          </ac:spMkLst>
        </pc:spChg>
      </pc:sldChg>
      <pc:sldChg chg="add">
        <pc:chgData name="Aluffi, Pietro" userId="810df28b-0e6a-47dc-86dd-8f68aed2c426" providerId="ADAL" clId="{956EA079-8545-B141-9AAF-67693470E33F}" dt="2022-11-15T14:47:50.913" v="47"/>
        <pc:sldMkLst>
          <pc:docMk/>
          <pc:sldMk cId="4134797828" sldId="849"/>
        </pc:sldMkLst>
      </pc:sldChg>
      <pc:sldChg chg="addSp delSp modSp add mod setBg">
        <pc:chgData name="Aluffi, Pietro" userId="810df28b-0e6a-47dc-86dd-8f68aed2c426" providerId="ADAL" clId="{956EA079-8545-B141-9AAF-67693470E33F}" dt="2022-11-15T14:47:24.510" v="46"/>
        <pc:sldMkLst>
          <pc:docMk/>
          <pc:sldMk cId="1145089252" sldId="850"/>
        </pc:sldMkLst>
        <pc:spChg chg="add del mod">
          <ac:chgData name="Aluffi, Pietro" userId="810df28b-0e6a-47dc-86dd-8f68aed2c426" providerId="ADAL" clId="{956EA079-8545-B141-9AAF-67693470E33F}" dt="2022-11-15T14:46:50.750" v="41" actId="47"/>
          <ac:spMkLst>
            <pc:docMk/>
            <pc:sldMk cId="1145089252" sldId="850"/>
            <ac:spMk id="3" creationId="{D5E80D40-AADF-049A-9126-9413F1D1BA7A}"/>
          </ac:spMkLst>
        </pc:spChg>
        <pc:spChg chg="add del mod">
          <ac:chgData name="Aluffi, Pietro" userId="810df28b-0e6a-47dc-86dd-8f68aed2c426" providerId="ADAL" clId="{956EA079-8545-B141-9AAF-67693470E33F}" dt="2022-11-15T14:46:42.410" v="35"/>
          <ac:spMkLst>
            <pc:docMk/>
            <pc:sldMk cId="1145089252" sldId="850"/>
            <ac:spMk id="4" creationId="{9FA558D3-BFE0-F9A1-EAB1-DB8B134E1BA6}"/>
          </ac:spMkLst>
        </pc:spChg>
      </pc:sldChg>
    </pc:docChg>
  </pc:docChgLst>
  <pc:docChgLst>
    <pc:chgData name="Aluffi, Pietro" userId="810df28b-0e6a-47dc-86dd-8f68aed2c426" providerId="ADAL" clId="{1A807C71-F309-C34E-8EEF-897EDA475A1E}"/>
    <pc:docChg chg="undo redo custSel addSld delSld modSld sldOrd">
      <pc:chgData name="Aluffi, Pietro" userId="810df28b-0e6a-47dc-86dd-8f68aed2c426" providerId="ADAL" clId="{1A807C71-F309-C34E-8EEF-897EDA475A1E}" dt="2023-04-03T16:49:58.182" v="8625" actId="14734"/>
      <pc:docMkLst>
        <pc:docMk/>
      </pc:docMkLst>
      <pc:sldChg chg="modSp mod">
        <pc:chgData name="Aluffi, Pietro" userId="810df28b-0e6a-47dc-86dd-8f68aed2c426" providerId="ADAL" clId="{1A807C71-F309-C34E-8EEF-897EDA475A1E}" dt="2023-03-25T18:34:51.990" v="4846" actId="20577"/>
        <pc:sldMkLst>
          <pc:docMk/>
          <pc:sldMk cId="1027030971" sldId="260"/>
        </pc:sldMkLst>
        <pc:spChg chg="mod">
          <ac:chgData name="Aluffi, Pietro" userId="810df28b-0e6a-47dc-86dd-8f68aed2c426" providerId="ADAL" clId="{1A807C71-F309-C34E-8EEF-897EDA475A1E}" dt="2023-03-22T20:00:54.896" v="121" actId="113"/>
          <ac:spMkLst>
            <pc:docMk/>
            <pc:sldMk cId="1027030971" sldId="260"/>
            <ac:spMk id="2" creationId="{E94B0BCA-4F5F-4013-85EF-9B92FCD581B6}"/>
          </ac:spMkLst>
        </pc:spChg>
        <pc:spChg chg="mod">
          <ac:chgData name="Aluffi, Pietro" userId="810df28b-0e6a-47dc-86dd-8f68aed2c426" providerId="ADAL" clId="{1A807C71-F309-C34E-8EEF-897EDA475A1E}" dt="2023-03-25T18:34:51.990" v="4846" actId="20577"/>
          <ac:spMkLst>
            <pc:docMk/>
            <pc:sldMk cId="1027030971" sldId="260"/>
            <ac:spMk id="3" creationId="{B3A452BF-BC7E-4241-8028-121E88C1F22B}"/>
          </ac:spMkLst>
        </pc:spChg>
      </pc:sldChg>
      <pc:sldChg chg="del">
        <pc:chgData name="Aluffi, Pietro" userId="810df28b-0e6a-47dc-86dd-8f68aed2c426" providerId="ADAL" clId="{1A807C71-F309-C34E-8EEF-897EDA475A1E}" dt="2023-03-25T18:34:03.509" v="4811" actId="2696"/>
        <pc:sldMkLst>
          <pc:docMk/>
          <pc:sldMk cId="1861690961" sldId="819"/>
        </pc:sldMkLst>
      </pc:sldChg>
      <pc:sldChg chg="addSp delSp modSp mod modNotesTx">
        <pc:chgData name="Aluffi, Pietro" userId="810df28b-0e6a-47dc-86dd-8f68aed2c426" providerId="ADAL" clId="{1A807C71-F309-C34E-8EEF-897EDA475A1E}" dt="2023-03-27T11:41:43.935" v="6872" actId="20577"/>
        <pc:sldMkLst>
          <pc:docMk/>
          <pc:sldMk cId="1070425001" sldId="822"/>
        </pc:sldMkLst>
        <pc:spChg chg="mod">
          <ac:chgData name="Aluffi, Pietro" userId="810df28b-0e6a-47dc-86dd-8f68aed2c426" providerId="ADAL" clId="{1A807C71-F309-C34E-8EEF-897EDA475A1E}" dt="2023-03-27T11:41:21.934" v="6809"/>
          <ac:spMkLst>
            <pc:docMk/>
            <pc:sldMk cId="1070425001" sldId="822"/>
            <ac:spMk id="2" creationId="{4EF9789A-4335-4577-AF25-1CB52F39AA43}"/>
          </ac:spMkLst>
        </pc:spChg>
        <pc:spChg chg="add del mod">
          <ac:chgData name="Aluffi, Pietro" userId="810df28b-0e6a-47dc-86dd-8f68aed2c426" providerId="ADAL" clId="{1A807C71-F309-C34E-8EEF-897EDA475A1E}" dt="2023-03-24T15:04:07.092" v="2957" actId="478"/>
          <ac:spMkLst>
            <pc:docMk/>
            <pc:sldMk cId="1070425001" sldId="822"/>
            <ac:spMk id="5" creationId="{D695D6E8-C8B7-C1D4-C331-44BD5FDF85A3}"/>
          </ac:spMkLst>
        </pc:spChg>
        <pc:spChg chg="del">
          <ac:chgData name="Aluffi, Pietro" userId="810df28b-0e6a-47dc-86dd-8f68aed2c426" providerId="ADAL" clId="{1A807C71-F309-C34E-8EEF-897EDA475A1E}" dt="2023-03-24T15:03:35.803" v="2956" actId="478"/>
          <ac:spMkLst>
            <pc:docMk/>
            <pc:sldMk cId="1070425001" sldId="822"/>
            <ac:spMk id="6" creationId="{F152FE58-98D6-BE7A-D5ED-1227CAEE1F92}"/>
          </ac:spMkLst>
        </pc:spChg>
        <pc:spChg chg="add del mod">
          <ac:chgData name="Aluffi, Pietro" userId="810df28b-0e6a-47dc-86dd-8f68aed2c426" providerId="ADAL" clId="{1A807C71-F309-C34E-8EEF-897EDA475A1E}" dt="2023-03-24T15:00:16.245" v="2896"/>
          <ac:spMkLst>
            <pc:docMk/>
            <pc:sldMk cId="1070425001" sldId="822"/>
            <ac:spMk id="7" creationId="{27D89ADF-8B61-F307-B25C-369A4E37AFFB}"/>
          </ac:spMkLst>
        </pc:spChg>
        <pc:spChg chg="add del mod">
          <ac:chgData name="Aluffi, Pietro" userId="810df28b-0e6a-47dc-86dd-8f68aed2c426" providerId="ADAL" clId="{1A807C71-F309-C34E-8EEF-897EDA475A1E}" dt="2023-03-24T15:00:17.817" v="2898"/>
          <ac:spMkLst>
            <pc:docMk/>
            <pc:sldMk cId="1070425001" sldId="822"/>
            <ac:spMk id="8" creationId="{A3E03758-ECEF-4B98-2303-C092A44780C7}"/>
          </ac:spMkLst>
        </pc:spChg>
        <pc:spChg chg="add mod">
          <ac:chgData name="Aluffi, Pietro" userId="810df28b-0e6a-47dc-86dd-8f68aed2c426" providerId="ADAL" clId="{1A807C71-F309-C34E-8EEF-897EDA475A1E}" dt="2023-03-25T01:31:55.176" v="3735" actId="20577"/>
          <ac:spMkLst>
            <pc:docMk/>
            <pc:sldMk cId="1070425001" sldId="822"/>
            <ac:spMk id="9" creationId="{763134A5-FCA1-2D8D-A552-E97123AA576B}"/>
          </ac:spMkLst>
        </pc:spChg>
        <pc:spChg chg="add mod">
          <ac:chgData name="Aluffi, Pietro" userId="810df28b-0e6a-47dc-86dd-8f68aed2c426" providerId="ADAL" clId="{1A807C71-F309-C34E-8EEF-897EDA475A1E}" dt="2023-03-25T01:23:20.425" v="3329" actId="20577"/>
          <ac:spMkLst>
            <pc:docMk/>
            <pc:sldMk cId="1070425001" sldId="822"/>
            <ac:spMk id="10" creationId="{DA026BAE-E064-7EAB-4CF2-B52D3576301C}"/>
          </ac:spMkLst>
        </pc:spChg>
        <pc:picChg chg="del mod">
          <ac:chgData name="Aluffi, Pietro" userId="810df28b-0e6a-47dc-86dd-8f68aed2c426" providerId="ADAL" clId="{1A807C71-F309-C34E-8EEF-897EDA475A1E}" dt="2023-03-23T00:01:17.661" v="973" actId="478"/>
          <ac:picMkLst>
            <pc:docMk/>
            <pc:sldMk cId="1070425001" sldId="822"/>
            <ac:picMk id="4" creationId="{D7EB3B00-1A88-8521-ACF0-75D44AC9F4C9}"/>
          </ac:picMkLst>
        </pc:picChg>
      </pc:sldChg>
      <pc:sldChg chg="delSp modSp mod ord modShow">
        <pc:chgData name="Aluffi, Pietro" userId="810df28b-0e6a-47dc-86dd-8f68aed2c426" providerId="ADAL" clId="{1A807C71-F309-C34E-8EEF-897EDA475A1E}" dt="2023-03-27T11:30:47.165" v="6708" actId="20577"/>
        <pc:sldMkLst>
          <pc:docMk/>
          <pc:sldMk cId="1700681543" sldId="837"/>
        </pc:sldMkLst>
        <pc:spChg chg="mod">
          <ac:chgData name="Aluffi, Pietro" userId="810df28b-0e6a-47dc-86dd-8f68aed2c426" providerId="ADAL" clId="{1A807C71-F309-C34E-8EEF-897EDA475A1E}" dt="2023-03-27T11:30:47.165" v="6708" actId="20577"/>
          <ac:spMkLst>
            <pc:docMk/>
            <pc:sldMk cId="1700681543" sldId="837"/>
            <ac:spMk id="2" creationId="{AFE34C7F-346D-4632-A718-477C9B221782}"/>
          </ac:spMkLst>
        </pc:spChg>
        <pc:spChg chg="mod">
          <ac:chgData name="Aluffi, Pietro" userId="810df28b-0e6a-47dc-86dd-8f68aed2c426" providerId="ADAL" clId="{1A807C71-F309-C34E-8EEF-897EDA475A1E}" dt="2023-03-25T18:12:33.357" v="4657" actId="1076"/>
          <ac:spMkLst>
            <pc:docMk/>
            <pc:sldMk cId="1700681543" sldId="837"/>
            <ac:spMk id="8" creationId="{6F342441-5B1B-F3EC-CF57-5651A294F97C}"/>
          </ac:spMkLst>
        </pc:spChg>
        <pc:spChg chg="del">
          <ac:chgData name="Aluffi, Pietro" userId="810df28b-0e6a-47dc-86dd-8f68aed2c426" providerId="ADAL" clId="{1A807C71-F309-C34E-8EEF-897EDA475A1E}" dt="2023-03-25T18:12:18.095" v="4653" actId="478"/>
          <ac:spMkLst>
            <pc:docMk/>
            <pc:sldMk cId="1700681543" sldId="837"/>
            <ac:spMk id="14" creationId="{BEED775D-9AB1-66FD-7829-93C0FC90F36D}"/>
          </ac:spMkLst>
        </pc:spChg>
        <pc:grpChg chg="del">
          <ac:chgData name="Aluffi, Pietro" userId="810df28b-0e6a-47dc-86dd-8f68aed2c426" providerId="ADAL" clId="{1A807C71-F309-C34E-8EEF-897EDA475A1E}" dt="2023-03-25T18:12:15.740" v="4652" actId="478"/>
          <ac:grpSpMkLst>
            <pc:docMk/>
            <pc:sldMk cId="1700681543" sldId="837"/>
            <ac:grpSpMk id="11" creationId="{6D0DAA98-8E80-779D-338D-576255DFE2F8}"/>
          </ac:grpSpMkLst>
        </pc:grpChg>
        <pc:picChg chg="del topLvl">
          <ac:chgData name="Aluffi, Pietro" userId="810df28b-0e6a-47dc-86dd-8f68aed2c426" providerId="ADAL" clId="{1A807C71-F309-C34E-8EEF-897EDA475A1E}" dt="2023-03-25T18:12:15.740" v="4652" actId="478"/>
          <ac:picMkLst>
            <pc:docMk/>
            <pc:sldMk cId="1700681543" sldId="837"/>
            <ac:picMk id="6" creationId="{57F16ADD-ED8C-E6AD-2D09-45ACCAAA4BEF}"/>
          </ac:picMkLst>
        </pc:picChg>
        <pc:picChg chg="mod topLvl">
          <ac:chgData name="Aluffi, Pietro" userId="810df28b-0e6a-47dc-86dd-8f68aed2c426" providerId="ADAL" clId="{1A807C71-F309-C34E-8EEF-897EDA475A1E}" dt="2023-03-25T18:12:23.292" v="4655" actId="1076"/>
          <ac:picMkLst>
            <pc:docMk/>
            <pc:sldMk cId="1700681543" sldId="837"/>
            <ac:picMk id="7" creationId="{CB2D2515-0E13-3B5C-C3BE-09F3220F634F}"/>
          </ac:picMkLst>
        </pc:picChg>
      </pc:sldChg>
      <pc:sldChg chg="delSp modSp mod ord modNotesTx">
        <pc:chgData name="Aluffi, Pietro" userId="810df28b-0e6a-47dc-86dd-8f68aed2c426" providerId="ADAL" clId="{1A807C71-F309-C34E-8EEF-897EDA475A1E}" dt="2023-03-26T05:33:41.647" v="5875" actId="478"/>
        <pc:sldMkLst>
          <pc:docMk/>
          <pc:sldMk cId="4241145401" sldId="839"/>
        </pc:sldMkLst>
        <pc:spChg chg="mod">
          <ac:chgData name="Aluffi, Pietro" userId="810df28b-0e6a-47dc-86dd-8f68aed2c426" providerId="ADAL" clId="{1A807C71-F309-C34E-8EEF-897EDA475A1E}" dt="2023-03-26T05:27:24.878" v="5722" actId="255"/>
          <ac:spMkLst>
            <pc:docMk/>
            <pc:sldMk cId="4241145401" sldId="839"/>
            <ac:spMk id="2" creationId="{AFE34C7F-346D-4632-A718-477C9B221782}"/>
          </ac:spMkLst>
        </pc:spChg>
        <pc:spChg chg="mod">
          <ac:chgData name="Aluffi, Pietro" userId="810df28b-0e6a-47dc-86dd-8f68aed2c426" providerId="ADAL" clId="{1A807C71-F309-C34E-8EEF-897EDA475A1E}" dt="2023-03-24T13:37:52.945" v="2314" actId="108"/>
          <ac:spMkLst>
            <pc:docMk/>
            <pc:sldMk cId="4241145401" sldId="839"/>
            <ac:spMk id="10" creationId="{01B0CD4F-1302-64C9-F753-61F4FB2555A4}"/>
          </ac:spMkLst>
        </pc:spChg>
        <pc:spChg chg="del mod">
          <ac:chgData name="Aluffi, Pietro" userId="810df28b-0e6a-47dc-86dd-8f68aed2c426" providerId="ADAL" clId="{1A807C71-F309-C34E-8EEF-897EDA475A1E}" dt="2023-03-24T10:57:10.235" v="1334" actId="478"/>
          <ac:spMkLst>
            <pc:docMk/>
            <pc:sldMk cId="4241145401" sldId="839"/>
            <ac:spMk id="11" creationId="{EEADFFF1-7576-36DE-45C0-07F9B70209ED}"/>
          </ac:spMkLst>
        </pc:spChg>
        <pc:spChg chg="mod">
          <ac:chgData name="Aluffi, Pietro" userId="810df28b-0e6a-47dc-86dd-8f68aed2c426" providerId="ADAL" clId="{1A807C71-F309-C34E-8EEF-897EDA475A1E}" dt="2023-03-24T13:37:58.274" v="2315" actId="108"/>
          <ac:spMkLst>
            <pc:docMk/>
            <pc:sldMk cId="4241145401" sldId="839"/>
            <ac:spMk id="15" creationId="{DFD24167-8AAB-ADA2-8BFC-3490776D5F38}"/>
          </ac:spMkLst>
        </pc:spChg>
        <pc:spChg chg="mod">
          <ac:chgData name="Aluffi, Pietro" userId="810df28b-0e6a-47dc-86dd-8f68aed2c426" providerId="ADAL" clId="{1A807C71-F309-C34E-8EEF-897EDA475A1E}" dt="2023-03-24T10:59:09.165" v="1365" actId="20577"/>
          <ac:spMkLst>
            <pc:docMk/>
            <pc:sldMk cId="4241145401" sldId="839"/>
            <ac:spMk id="17" creationId="{8C564E4E-B7C8-E3A5-0343-C16F06AEE242}"/>
          </ac:spMkLst>
        </pc:spChg>
        <pc:spChg chg="mod">
          <ac:chgData name="Aluffi, Pietro" userId="810df28b-0e6a-47dc-86dd-8f68aed2c426" providerId="ADAL" clId="{1A807C71-F309-C34E-8EEF-897EDA475A1E}" dt="2023-03-24T11:00:06.315" v="1394" actId="20577"/>
          <ac:spMkLst>
            <pc:docMk/>
            <pc:sldMk cId="4241145401" sldId="839"/>
            <ac:spMk id="35" creationId="{879B24E9-783E-A26F-1955-95A1059D99B3}"/>
          </ac:spMkLst>
        </pc:spChg>
        <pc:spChg chg="del mod">
          <ac:chgData name="Aluffi, Pietro" userId="810df28b-0e6a-47dc-86dd-8f68aed2c426" providerId="ADAL" clId="{1A807C71-F309-C34E-8EEF-897EDA475A1E}" dt="2023-03-26T05:33:41.647" v="5875" actId="478"/>
          <ac:spMkLst>
            <pc:docMk/>
            <pc:sldMk cId="4241145401" sldId="839"/>
            <ac:spMk id="36" creationId="{72E1B995-0139-6382-5027-4804766817D0}"/>
          </ac:spMkLst>
        </pc:spChg>
        <pc:grpChg chg="mod">
          <ac:chgData name="Aluffi, Pietro" userId="810df28b-0e6a-47dc-86dd-8f68aed2c426" providerId="ADAL" clId="{1A807C71-F309-C34E-8EEF-897EDA475A1E}" dt="2023-03-24T11:01:16.758" v="1434" actId="1076"/>
          <ac:grpSpMkLst>
            <pc:docMk/>
            <pc:sldMk cId="4241145401" sldId="839"/>
            <ac:grpSpMk id="4" creationId="{E0A7FBF1-F364-D7B8-6441-7D61A7029142}"/>
          </ac:grpSpMkLst>
        </pc:grpChg>
        <pc:picChg chg="mod">
          <ac:chgData name="Aluffi, Pietro" userId="810df28b-0e6a-47dc-86dd-8f68aed2c426" providerId="ADAL" clId="{1A807C71-F309-C34E-8EEF-897EDA475A1E}" dt="2023-03-24T10:58:11.747" v="1341" actId="1076"/>
          <ac:picMkLst>
            <pc:docMk/>
            <pc:sldMk cId="4241145401" sldId="839"/>
            <ac:picMk id="16" creationId="{CFCF02A9-A75D-B28B-63D0-07DE4EE1DAF5}"/>
          </ac:picMkLst>
        </pc:picChg>
        <pc:cxnChg chg="del mod">
          <ac:chgData name="Aluffi, Pietro" userId="810df28b-0e6a-47dc-86dd-8f68aed2c426" providerId="ADAL" clId="{1A807C71-F309-C34E-8EEF-897EDA475A1E}" dt="2023-03-24T11:00:33.149" v="1427" actId="478"/>
          <ac:cxnSpMkLst>
            <pc:docMk/>
            <pc:sldMk cId="4241145401" sldId="839"/>
            <ac:cxnSpMk id="6" creationId="{D5012002-AC43-8516-EB78-A5F095E03E67}"/>
          </ac:cxnSpMkLst>
        </pc:cxnChg>
        <pc:cxnChg chg="mod">
          <ac:chgData name="Aluffi, Pietro" userId="810df28b-0e6a-47dc-86dd-8f68aed2c426" providerId="ADAL" clId="{1A807C71-F309-C34E-8EEF-897EDA475A1E}" dt="2023-03-24T11:01:01.254" v="1432" actId="108"/>
          <ac:cxnSpMkLst>
            <pc:docMk/>
            <pc:sldMk cId="4241145401" sldId="839"/>
            <ac:cxnSpMk id="40" creationId="{16A0541D-8EA3-F26D-173B-C28E199E5AD3}"/>
          </ac:cxnSpMkLst>
        </pc:cxnChg>
        <pc:cxnChg chg="mod">
          <ac:chgData name="Aluffi, Pietro" userId="810df28b-0e6a-47dc-86dd-8f68aed2c426" providerId="ADAL" clId="{1A807C71-F309-C34E-8EEF-897EDA475A1E}" dt="2023-03-24T11:01:06.824" v="1433" actId="108"/>
          <ac:cxnSpMkLst>
            <pc:docMk/>
            <pc:sldMk cId="4241145401" sldId="839"/>
            <ac:cxnSpMk id="46" creationId="{F9755F88-DA8A-D519-CCB1-203E6DA0E120}"/>
          </ac:cxnSpMkLst>
        </pc:cxnChg>
        <pc:cxnChg chg="del">
          <ac:chgData name="Aluffi, Pietro" userId="810df28b-0e6a-47dc-86dd-8f68aed2c426" providerId="ADAL" clId="{1A807C71-F309-C34E-8EEF-897EDA475A1E}" dt="2023-03-24T10:57:13.380" v="1335" actId="478"/>
          <ac:cxnSpMkLst>
            <pc:docMk/>
            <pc:sldMk cId="4241145401" sldId="839"/>
            <ac:cxnSpMk id="52" creationId="{CA13505C-6692-AC0B-C210-58C7498FC3F7}"/>
          </ac:cxnSpMkLst>
        </pc:cxnChg>
      </pc:sldChg>
      <pc:sldChg chg="del">
        <pc:chgData name="Aluffi, Pietro" userId="810df28b-0e6a-47dc-86dd-8f68aed2c426" providerId="ADAL" clId="{1A807C71-F309-C34E-8EEF-897EDA475A1E}" dt="2023-03-22T19:18:05.734" v="40" actId="2696"/>
        <pc:sldMkLst>
          <pc:docMk/>
          <pc:sldMk cId="4134797828" sldId="849"/>
        </pc:sldMkLst>
      </pc:sldChg>
      <pc:sldChg chg="del">
        <pc:chgData name="Aluffi, Pietro" userId="810df28b-0e6a-47dc-86dd-8f68aed2c426" providerId="ADAL" clId="{1A807C71-F309-C34E-8EEF-897EDA475A1E}" dt="2023-03-22T19:17:58.978" v="38" actId="2696"/>
        <pc:sldMkLst>
          <pc:docMk/>
          <pc:sldMk cId="1145089252" sldId="850"/>
        </pc:sldMkLst>
      </pc:sldChg>
      <pc:sldChg chg="addSp delSp modSp add del mod ord">
        <pc:chgData name="Aluffi, Pietro" userId="810df28b-0e6a-47dc-86dd-8f68aed2c426" providerId="ADAL" clId="{1A807C71-F309-C34E-8EEF-897EDA475A1E}" dt="2023-03-27T11:37:49.249" v="6766" actId="1076"/>
        <pc:sldMkLst>
          <pc:docMk/>
          <pc:sldMk cId="2235371125" sldId="851"/>
        </pc:sldMkLst>
        <pc:spChg chg="mod">
          <ac:chgData name="Aluffi, Pietro" userId="810df28b-0e6a-47dc-86dd-8f68aed2c426" providerId="ADAL" clId="{1A807C71-F309-C34E-8EEF-897EDA475A1E}" dt="2023-03-27T11:36:19.381" v="6749" actId="20577"/>
          <ac:spMkLst>
            <pc:docMk/>
            <pc:sldMk cId="2235371125" sldId="851"/>
            <ac:spMk id="2" creationId="{AFE34C7F-346D-4632-A718-477C9B221782}"/>
          </ac:spMkLst>
        </pc:spChg>
        <pc:spChg chg="mod topLvl">
          <ac:chgData name="Aluffi, Pietro" userId="810df28b-0e6a-47dc-86dd-8f68aed2c426" providerId="ADAL" clId="{1A807C71-F309-C34E-8EEF-897EDA475A1E}" dt="2023-03-27T11:37:49.249" v="6766" actId="1076"/>
          <ac:spMkLst>
            <pc:docMk/>
            <pc:sldMk cId="2235371125" sldId="851"/>
            <ac:spMk id="8" creationId="{6F342441-5B1B-F3EC-CF57-5651A294F97C}"/>
          </ac:spMkLst>
        </pc:spChg>
        <pc:spChg chg="mod topLvl">
          <ac:chgData name="Aluffi, Pietro" userId="810df28b-0e6a-47dc-86dd-8f68aed2c426" providerId="ADAL" clId="{1A807C71-F309-C34E-8EEF-897EDA475A1E}" dt="2023-03-27T11:37:20.022" v="6761" actId="404"/>
          <ac:spMkLst>
            <pc:docMk/>
            <pc:sldMk cId="2235371125" sldId="851"/>
            <ac:spMk id="10" creationId="{A10E430C-7C04-2683-77A2-B349CE5CD891}"/>
          </ac:spMkLst>
        </pc:spChg>
        <pc:grpChg chg="add del mod">
          <ac:chgData name="Aluffi, Pietro" userId="810df28b-0e6a-47dc-86dd-8f68aed2c426" providerId="ADAL" clId="{1A807C71-F309-C34E-8EEF-897EDA475A1E}" dt="2023-03-27T11:35:19.290" v="6731" actId="165"/>
          <ac:grpSpMkLst>
            <pc:docMk/>
            <pc:sldMk cId="2235371125" sldId="851"/>
            <ac:grpSpMk id="3" creationId="{494FDED8-3575-793F-FC96-644954766BE3}"/>
          </ac:grpSpMkLst>
        </pc:grpChg>
        <pc:picChg chg="del">
          <ac:chgData name="Aluffi, Pietro" userId="810df28b-0e6a-47dc-86dd-8f68aed2c426" providerId="ADAL" clId="{1A807C71-F309-C34E-8EEF-897EDA475A1E}" dt="2023-03-24T10:54:24.759" v="1320" actId="478"/>
          <ac:picMkLst>
            <pc:docMk/>
            <pc:sldMk cId="2235371125" sldId="851"/>
            <ac:picMk id="5" creationId="{BBF220B9-CA80-3152-BEB7-64568192DDEC}"/>
          </ac:picMkLst>
        </pc:picChg>
        <pc:picChg chg="mod topLvl modCrop">
          <ac:chgData name="Aluffi, Pietro" userId="810df28b-0e6a-47dc-86dd-8f68aed2c426" providerId="ADAL" clId="{1A807C71-F309-C34E-8EEF-897EDA475A1E}" dt="2023-03-27T11:37:41.699" v="6764" actId="1076"/>
          <ac:picMkLst>
            <pc:docMk/>
            <pc:sldMk cId="2235371125" sldId="851"/>
            <ac:picMk id="13" creationId="{FDF76322-0B32-26F4-70C1-EE8DB32DA3B1}"/>
          </ac:picMkLst>
        </pc:picChg>
      </pc:sldChg>
      <pc:sldChg chg="del">
        <pc:chgData name="Aluffi, Pietro" userId="810df28b-0e6a-47dc-86dd-8f68aed2c426" providerId="ADAL" clId="{1A807C71-F309-C34E-8EEF-897EDA475A1E}" dt="2023-03-22T23:31:43.390" v="299" actId="2696"/>
        <pc:sldMkLst>
          <pc:docMk/>
          <pc:sldMk cId="3461843698" sldId="852"/>
        </pc:sldMkLst>
      </pc:sldChg>
      <pc:sldChg chg="del">
        <pc:chgData name="Aluffi, Pietro" userId="810df28b-0e6a-47dc-86dd-8f68aed2c426" providerId="ADAL" clId="{1A807C71-F309-C34E-8EEF-897EDA475A1E}" dt="2023-03-22T23:31:45.029" v="300" actId="2696"/>
        <pc:sldMkLst>
          <pc:docMk/>
          <pc:sldMk cId="2018890482" sldId="854"/>
        </pc:sldMkLst>
      </pc:sldChg>
      <pc:sldChg chg="del">
        <pc:chgData name="Aluffi, Pietro" userId="810df28b-0e6a-47dc-86dd-8f68aed2c426" providerId="ADAL" clId="{1A807C71-F309-C34E-8EEF-897EDA475A1E}" dt="2023-03-22T19:18:02.542" v="39" actId="2696"/>
        <pc:sldMkLst>
          <pc:docMk/>
          <pc:sldMk cId="4284109170" sldId="856"/>
        </pc:sldMkLst>
      </pc:sldChg>
      <pc:sldChg chg="modSp mod ord">
        <pc:chgData name="Aluffi, Pietro" userId="810df28b-0e6a-47dc-86dd-8f68aed2c426" providerId="ADAL" clId="{1A807C71-F309-C34E-8EEF-897EDA475A1E}" dt="2023-03-27T11:20:38.685" v="6398" actId="20578"/>
        <pc:sldMkLst>
          <pc:docMk/>
          <pc:sldMk cId="1812957766" sldId="857"/>
        </pc:sldMkLst>
        <pc:spChg chg="mod">
          <ac:chgData name="Aluffi, Pietro" userId="810df28b-0e6a-47dc-86dd-8f68aed2c426" providerId="ADAL" clId="{1A807C71-F309-C34E-8EEF-897EDA475A1E}" dt="2023-03-22T23:17:42.871" v="297" actId="27636"/>
          <ac:spMkLst>
            <pc:docMk/>
            <pc:sldMk cId="1812957766" sldId="857"/>
            <ac:spMk id="2" creationId="{AE1BE45B-27F9-0D2E-2A9E-05DA21A9DE93}"/>
          </ac:spMkLst>
        </pc:spChg>
      </pc:sldChg>
      <pc:sldChg chg="del">
        <pc:chgData name="Aluffi, Pietro" userId="810df28b-0e6a-47dc-86dd-8f68aed2c426" providerId="ADAL" clId="{1A807C71-F309-C34E-8EEF-897EDA475A1E}" dt="2023-03-22T23:31:47.228" v="303" actId="2696"/>
        <pc:sldMkLst>
          <pc:docMk/>
          <pc:sldMk cId="3688927454" sldId="858"/>
        </pc:sldMkLst>
      </pc:sldChg>
      <pc:sldChg chg="del">
        <pc:chgData name="Aluffi, Pietro" userId="810df28b-0e6a-47dc-86dd-8f68aed2c426" providerId="ADAL" clId="{1A807C71-F309-C34E-8EEF-897EDA475A1E}" dt="2023-03-22T23:31:46.211" v="301" actId="2696"/>
        <pc:sldMkLst>
          <pc:docMk/>
          <pc:sldMk cId="1056165844" sldId="860"/>
        </pc:sldMkLst>
      </pc:sldChg>
      <pc:sldChg chg="del">
        <pc:chgData name="Aluffi, Pietro" userId="810df28b-0e6a-47dc-86dd-8f68aed2c426" providerId="ADAL" clId="{1A807C71-F309-C34E-8EEF-897EDA475A1E}" dt="2023-03-22T23:31:48.269" v="304" actId="2696"/>
        <pc:sldMkLst>
          <pc:docMk/>
          <pc:sldMk cId="1434281004" sldId="861"/>
        </pc:sldMkLst>
      </pc:sldChg>
      <pc:sldChg chg="addSp delSp modSp mod ord modShow">
        <pc:chgData name="Aluffi, Pietro" userId="810df28b-0e6a-47dc-86dd-8f68aed2c426" providerId="ADAL" clId="{1A807C71-F309-C34E-8EEF-897EDA475A1E}" dt="2023-03-25T14:58:10.221" v="4410" actId="729"/>
        <pc:sldMkLst>
          <pc:docMk/>
          <pc:sldMk cId="762794611" sldId="862"/>
        </pc:sldMkLst>
        <pc:spChg chg="mod">
          <ac:chgData name="Aluffi, Pietro" userId="810df28b-0e6a-47dc-86dd-8f68aed2c426" providerId="ADAL" clId="{1A807C71-F309-C34E-8EEF-897EDA475A1E}" dt="2023-03-22T23:43:29.411" v="432" actId="20577"/>
          <ac:spMkLst>
            <pc:docMk/>
            <pc:sldMk cId="762794611" sldId="862"/>
            <ac:spMk id="2" creationId="{AE1BE45B-27F9-0D2E-2A9E-05DA21A9DE93}"/>
          </ac:spMkLst>
        </pc:spChg>
        <pc:picChg chg="add del mod">
          <ac:chgData name="Aluffi, Pietro" userId="810df28b-0e6a-47dc-86dd-8f68aed2c426" providerId="ADAL" clId="{1A807C71-F309-C34E-8EEF-897EDA475A1E}" dt="2023-03-22T23:43:26.222" v="420" actId="478"/>
          <ac:picMkLst>
            <pc:docMk/>
            <pc:sldMk cId="762794611" sldId="862"/>
            <ac:picMk id="3" creationId="{76C3FDC8-DBA2-721E-1601-375132AD3068}"/>
          </ac:picMkLst>
        </pc:picChg>
      </pc:sldChg>
      <pc:sldChg chg="del">
        <pc:chgData name="Aluffi, Pietro" userId="810df28b-0e6a-47dc-86dd-8f68aed2c426" providerId="ADAL" clId="{1A807C71-F309-C34E-8EEF-897EDA475A1E}" dt="2023-03-23T01:46:49.994" v="999" actId="2696"/>
        <pc:sldMkLst>
          <pc:docMk/>
          <pc:sldMk cId="131043980" sldId="863"/>
        </pc:sldMkLst>
      </pc:sldChg>
      <pc:sldChg chg="del">
        <pc:chgData name="Aluffi, Pietro" userId="810df28b-0e6a-47dc-86dd-8f68aed2c426" providerId="ADAL" clId="{1A807C71-F309-C34E-8EEF-897EDA475A1E}" dt="2023-03-23T01:46:51.509" v="1000" actId="2696"/>
        <pc:sldMkLst>
          <pc:docMk/>
          <pc:sldMk cId="1578044048" sldId="864"/>
        </pc:sldMkLst>
      </pc:sldChg>
      <pc:sldChg chg="del">
        <pc:chgData name="Aluffi, Pietro" userId="810df28b-0e6a-47dc-86dd-8f68aed2c426" providerId="ADAL" clId="{1A807C71-F309-C34E-8EEF-897EDA475A1E}" dt="2023-03-23T01:46:53.195" v="1001" actId="2696"/>
        <pc:sldMkLst>
          <pc:docMk/>
          <pc:sldMk cId="1087738905" sldId="866"/>
        </pc:sldMkLst>
      </pc:sldChg>
      <pc:sldChg chg="del">
        <pc:chgData name="Aluffi, Pietro" userId="810df28b-0e6a-47dc-86dd-8f68aed2c426" providerId="ADAL" clId="{1A807C71-F309-C34E-8EEF-897EDA475A1E}" dt="2023-03-23T01:46:54.363" v="1002" actId="2696"/>
        <pc:sldMkLst>
          <pc:docMk/>
          <pc:sldMk cId="2510683236" sldId="867"/>
        </pc:sldMkLst>
      </pc:sldChg>
      <pc:sldChg chg="del">
        <pc:chgData name="Aluffi, Pietro" userId="810df28b-0e6a-47dc-86dd-8f68aed2c426" providerId="ADAL" clId="{1A807C71-F309-C34E-8EEF-897EDA475A1E}" dt="2023-03-22T23:31:46.720" v="302" actId="2696"/>
        <pc:sldMkLst>
          <pc:docMk/>
          <pc:sldMk cId="3703387092" sldId="868"/>
        </pc:sldMkLst>
      </pc:sldChg>
      <pc:sldChg chg="new del">
        <pc:chgData name="Aluffi, Pietro" userId="810df28b-0e6a-47dc-86dd-8f68aed2c426" providerId="ADAL" clId="{1A807C71-F309-C34E-8EEF-897EDA475A1E}" dt="2023-03-22T19:17:13.258" v="1" actId="2696"/>
        <pc:sldMkLst>
          <pc:docMk/>
          <pc:sldMk cId="201221677" sldId="869"/>
        </pc:sldMkLst>
      </pc:sldChg>
      <pc:sldChg chg="add del setBg">
        <pc:chgData name="Aluffi, Pietro" userId="810df28b-0e6a-47dc-86dd-8f68aed2c426" providerId="ADAL" clId="{1A807C71-F309-C34E-8EEF-897EDA475A1E}" dt="2023-03-22T19:17:25.627" v="5" actId="2696"/>
        <pc:sldMkLst>
          <pc:docMk/>
          <pc:sldMk cId="487123506" sldId="869"/>
        </pc:sldMkLst>
      </pc:sldChg>
      <pc:sldChg chg="add del setBg">
        <pc:chgData name="Aluffi, Pietro" userId="810df28b-0e6a-47dc-86dd-8f68aed2c426" providerId="ADAL" clId="{1A807C71-F309-C34E-8EEF-897EDA475A1E}" dt="2023-03-22T19:17:30.326" v="7"/>
        <pc:sldMkLst>
          <pc:docMk/>
          <pc:sldMk cId="3010346326" sldId="869"/>
        </pc:sldMkLst>
      </pc:sldChg>
      <pc:sldChg chg="addSp delSp modSp add del mod">
        <pc:chgData name="Aluffi, Pietro" userId="810df28b-0e6a-47dc-86dd-8f68aed2c426" providerId="ADAL" clId="{1A807C71-F309-C34E-8EEF-897EDA475A1E}" dt="2023-03-22T22:02:53.004" v="264" actId="2696"/>
        <pc:sldMkLst>
          <pc:docMk/>
          <pc:sldMk cId="4226136989" sldId="869"/>
        </pc:sldMkLst>
        <pc:spChg chg="mod">
          <ac:chgData name="Aluffi, Pietro" userId="810df28b-0e6a-47dc-86dd-8f68aed2c426" providerId="ADAL" clId="{1A807C71-F309-C34E-8EEF-897EDA475A1E}" dt="2023-03-22T20:05:34.496" v="174" actId="962"/>
          <ac:spMkLst>
            <pc:docMk/>
            <pc:sldMk cId="4226136989" sldId="869"/>
            <ac:spMk id="2" creationId="{AE1BE45B-27F9-0D2E-2A9E-05DA21A9DE93}"/>
          </ac:spMkLst>
        </pc:spChg>
        <pc:spChg chg="del mod">
          <ac:chgData name="Aluffi, Pietro" userId="810df28b-0e6a-47dc-86dd-8f68aed2c426" providerId="ADAL" clId="{1A807C71-F309-C34E-8EEF-897EDA475A1E}" dt="2023-03-22T19:17:41.815" v="37" actId="478"/>
          <ac:spMkLst>
            <pc:docMk/>
            <pc:sldMk cId="4226136989" sldId="869"/>
            <ac:spMk id="14" creationId="{CE22DE50-6C18-4172-B576-E08763C3ADE7}"/>
          </ac:spMkLst>
        </pc:spChg>
        <pc:grpChg chg="del">
          <ac:chgData name="Aluffi, Pietro" userId="810df28b-0e6a-47dc-86dd-8f68aed2c426" providerId="ADAL" clId="{1A807C71-F309-C34E-8EEF-897EDA475A1E}" dt="2023-03-22T19:17:39.886" v="35" actId="478"/>
          <ac:grpSpMkLst>
            <pc:docMk/>
            <pc:sldMk cId="4226136989" sldId="869"/>
            <ac:grpSpMk id="12" creationId="{B012BC45-EB2D-5DE8-53D5-23B63A68F200}"/>
          </ac:grpSpMkLst>
        </pc:grpChg>
        <pc:picChg chg="add del mod">
          <ac:chgData name="Aluffi, Pietro" userId="810df28b-0e6a-47dc-86dd-8f68aed2c426" providerId="ADAL" clId="{1A807C71-F309-C34E-8EEF-897EDA475A1E}" dt="2023-03-22T20:02:51.910" v="171" actId="478"/>
          <ac:picMkLst>
            <pc:docMk/>
            <pc:sldMk cId="4226136989" sldId="869"/>
            <ac:picMk id="6" creationId="{A5AC48A6-DB10-8674-558E-0232B0D83A15}"/>
          </ac:picMkLst>
        </pc:picChg>
        <pc:picChg chg="add del mod">
          <ac:chgData name="Aluffi, Pietro" userId="810df28b-0e6a-47dc-86dd-8f68aed2c426" providerId="ADAL" clId="{1A807C71-F309-C34E-8EEF-897EDA475A1E}" dt="2023-03-22T20:02:29.182" v="158"/>
          <ac:picMkLst>
            <pc:docMk/>
            <pc:sldMk cId="4226136989" sldId="869"/>
            <ac:picMk id="8" creationId="{8B6EF4DD-39BD-153D-D32E-3F27A0FCCEED}"/>
          </ac:picMkLst>
        </pc:picChg>
        <pc:picChg chg="add del mod">
          <ac:chgData name="Aluffi, Pietro" userId="810df28b-0e6a-47dc-86dd-8f68aed2c426" providerId="ADAL" clId="{1A807C71-F309-C34E-8EEF-897EDA475A1E}" dt="2023-03-22T20:02:27.155" v="156"/>
          <ac:picMkLst>
            <pc:docMk/>
            <pc:sldMk cId="4226136989" sldId="869"/>
            <ac:picMk id="13" creationId="{555A72CA-CC50-1896-C464-147F46CD4941}"/>
          </ac:picMkLst>
        </pc:picChg>
        <pc:picChg chg="add del mod">
          <ac:chgData name="Aluffi, Pietro" userId="810df28b-0e6a-47dc-86dd-8f68aed2c426" providerId="ADAL" clId="{1A807C71-F309-C34E-8EEF-897EDA475A1E}" dt="2023-03-22T20:02:39.232" v="165"/>
          <ac:picMkLst>
            <pc:docMk/>
            <pc:sldMk cId="4226136989" sldId="869"/>
            <ac:picMk id="15" creationId="{65472973-45D9-3EE8-69D9-270AA93C608D}"/>
          </ac:picMkLst>
        </pc:picChg>
        <pc:picChg chg="add del mod">
          <ac:chgData name="Aluffi, Pietro" userId="810df28b-0e6a-47dc-86dd-8f68aed2c426" providerId="ADAL" clId="{1A807C71-F309-C34E-8EEF-897EDA475A1E}" dt="2023-03-22T20:22:26.367" v="242" actId="478"/>
          <ac:picMkLst>
            <pc:docMk/>
            <pc:sldMk cId="4226136989" sldId="869"/>
            <ac:picMk id="17" creationId="{2EFC4E61-4690-EAFB-667C-7EFE9C20CF3C}"/>
          </ac:picMkLst>
        </pc:picChg>
      </pc:sldChg>
      <pc:sldChg chg="add del setBg">
        <pc:chgData name="Aluffi, Pietro" userId="810df28b-0e6a-47dc-86dd-8f68aed2c426" providerId="ADAL" clId="{1A807C71-F309-C34E-8EEF-897EDA475A1E}" dt="2023-03-22T19:18:12.468" v="42"/>
        <pc:sldMkLst>
          <pc:docMk/>
          <pc:sldMk cId="459733364" sldId="870"/>
        </pc:sldMkLst>
      </pc:sldChg>
      <pc:sldChg chg="addSp delSp modSp add del mod ord modNotesTx">
        <pc:chgData name="Aluffi, Pietro" userId="810df28b-0e6a-47dc-86dd-8f68aed2c426" providerId="ADAL" clId="{1A807C71-F309-C34E-8EEF-897EDA475A1E}" dt="2023-03-22T23:52:50.985" v="676" actId="2696"/>
        <pc:sldMkLst>
          <pc:docMk/>
          <pc:sldMk cId="1992719575" sldId="870"/>
        </pc:sldMkLst>
        <pc:spChg chg="mod">
          <ac:chgData name="Aluffi, Pietro" userId="810df28b-0e6a-47dc-86dd-8f68aed2c426" providerId="ADAL" clId="{1A807C71-F309-C34E-8EEF-897EDA475A1E}" dt="2023-03-22T23:42:31.813" v="399" actId="20577"/>
          <ac:spMkLst>
            <pc:docMk/>
            <pc:sldMk cId="1992719575" sldId="870"/>
            <ac:spMk id="2" creationId="{AE1BE45B-27F9-0D2E-2A9E-05DA21A9DE93}"/>
          </ac:spMkLst>
        </pc:spChg>
        <pc:spChg chg="add del mod">
          <ac:chgData name="Aluffi, Pietro" userId="810df28b-0e6a-47dc-86dd-8f68aed2c426" providerId="ADAL" clId="{1A807C71-F309-C34E-8EEF-897EDA475A1E}" dt="2023-03-22T23:43:43.641" v="437" actId="21"/>
          <ac:spMkLst>
            <pc:docMk/>
            <pc:sldMk cId="1992719575" sldId="870"/>
            <ac:spMk id="3" creationId="{9747DA71-AE9C-CE8C-8934-A9EEC5DE56B9}"/>
          </ac:spMkLst>
        </pc:spChg>
        <pc:spChg chg="add del mod">
          <ac:chgData name="Aluffi, Pietro" userId="810df28b-0e6a-47dc-86dd-8f68aed2c426" providerId="ADAL" clId="{1A807C71-F309-C34E-8EEF-897EDA475A1E}" dt="2023-03-22T23:43:43.641" v="437" actId="21"/>
          <ac:spMkLst>
            <pc:docMk/>
            <pc:sldMk cId="1992719575" sldId="870"/>
            <ac:spMk id="4" creationId="{6A069C4D-CFF7-F6D3-92FE-B4B1A923532B}"/>
          </ac:spMkLst>
        </pc:spChg>
        <pc:spChg chg="add del mod">
          <ac:chgData name="Aluffi, Pietro" userId="810df28b-0e6a-47dc-86dd-8f68aed2c426" providerId="ADAL" clId="{1A807C71-F309-C34E-8EEF-897EDA475A1E}" dt="2023-03-22T23:43:43.641" v="437" actId="21"/>
          <ac:spMkLst>
            <pc:docMk/>
            <pc:sldMk cId="1992719575" sldId="870"/>
            <ac:spMk id="5" creationId="{EEEC69B1-C03B-F0B3-DBBD-E3EE7E7C157B}"/>
          </ac:spMkLst>
        </pc:spChg>
      </pc:sldChg>
      <pc:sldChg chg="add del setBg">
        <pc:chgData name="Aluffi, Pietro" userId="810df28b-0e6a-47dc-86dd-8f68aed2c426" providerId="ADAL" clId="{1A807C71-F309-C34E-8EEF-897EDA475A1E}" dt="2023-03-22T19:17:23.515" v="4" actId="2696"/>
        <pc:sldMkLst>
          <pc:docMk/>
          <pc:sldMk cId="3062688861" sldId="870"/>
        </pc:sldMkLst>
      </pc:sldChg>
      <pc:sldChg chg="addSp delSp modSp add del mod ord">
        <pc:chgData name="Aluffi, Pietro" userId="810df28b-0e6a-47dc-86dd-8f68aed2c426" providerId="ADAL" clId="{1A807C71-F309-C34E-8EEF-897EDA475A1E}" dt="2023-03-24T15:00:59.063" v="2908" actId="2696"/>
        <pc:sldMkLst>
          <pc:docMk/>
          <pc:sldMk cId="1045260573" sldId="871"/>
        </pc:sldMkLst>
        <pc:spChg chg="del mod">
          <ac:chgData name="Aluffi, Pietro" userId="810df28b-0e6a-47dc-86dd-8f68aed2c426" providerId="ADAL" clId="{1A807C71-F309-C34E-8EEF-897EDA475A1E}" dt="2023-03-23T00:01:03.091" v="970" actId="478"/>
          <ac:spMkLst>
            <pc:docMk/>
            <pc:sldMk cId="1045260573" sldId="871"/>
            <ac:spMk id="2" creationId="{AE1BE45B-27F9-0D2E-2A9E-05DA21A9DE93}"/>
          </ac:spMkLst>
        </pc:spChg>
        <pc:spChg chg="add del mod">
          <ac:chgData name="Aluffi, Pietro" userId="810df28b-0e6a-47dc-86dd-8f68aed2c426" providerId="ADAL" clId="{1A807C71-F309-C34E-8EEF-897EDA475A1E}" dt="2023-03-23T00:01:07.065" v="972" actId="478"/>
          <ac:spMkLst>
            <pc:docMk/>
            <pc:sldMk cId="1045260573" sldId="871"/>
            <ac:spMk id="3" creationId="{F6F6459D-DA36-8FE3-BF9C-F3B2C11EFCD0}"/>
          </ac:spMkLst>
        </pc:spChg>
        <pc:spChg chg="add del mod">
          <ac:chgData name="Aluffi, Pietro" userId="810df28b-0e6a-47dc-86dd-8f68aed2c426" providerId="ADAL" clId="{1A807C71-F309-C34E-8EEF-897EDA475A1E}" dt="2023-03-23T00:01:07.065" v="972" actId="478"/>
          <ac:spMkLst>
            <pc:docMk/>
            <pc:sldMk cId="1045260573" sldId="871"/>
            <ac:spMk id="4" creationId="{C3CF3AD0-4F84-94E2-2FD1-FFD48503DA65}"/>
          </ac:spMkLst>
        </pc:spChg>
        <pc:spChg chg="add del mod">
          <ac:chgData name="Aluffi, Pietro" userId="810df28b-0e6a-47dc-86dd-8f68aed2c426" providerId="ADAL" clId="{1A807C71-F309-C34E-8EEF-897EDA475A1E}" dt="2023-03-23T00:01:07.065" v="972" actId="478"/>
          <ac:spMkLst>
            <pc:docMk/>
            <pc:sldMk cId="1045260573" sldId="871"/>
            <ac:spMk id="5" creationId="{994CB51F-435B-36BB-6907-B8D1AEDE6330}"/>
          </ac:spMkLst>
        </pc:spChg>
        <pc:spChg chg="add mod">
          <ac:chgData name="Aluffi, Pietro" userId="810df28b-0e6a-47dc-86dd-8f68aed2c426" providerId="ADAL" clId="{1A807C71-F309-C34E-8EEF-897EDA475A1E}" dt="2023-03-22T23:41:55.203" v="389" actId="20577"/>
          <ac:spMkLst>
            <pc:docMk/>
            <pc:sldMk cId="1045260573" sldId="871"/>
            <ac:spMk id="6" creationId="{3BD8B2C7-B01C-BC99-E03A-7896EE716577}"/>
          </ac:spMkLst>
        </pc:spChg>
        <pc:spChg chg="add del mod">
          <ac:chgData name="Aluffi, Pietro" userId="810df28b-0e6a-47dc-86dd-8f68aed2c426" providerId="ADAL" clId="{1A807C71-F309-C34E-8EEF-897EDA475A1E}" dt="2023-03-22T23:42:45.286" v="402" actId="478"/>
          <ac:spMkLst>
            <pc:docMk/>
            <pc:sldMk cId="1045260573" sldId="871"/>
            <ac:spMk id="8" creationId="{94C17F72-896C-D96A-DF0E-4A5D47406650}"/>
          </ac:spMkLst>
        </pc:spChg>
        <pc:spChg chg="add del mod">
          <ac:chgData name="Aluffi, Pietro" userId="810df28b-0e6a-47dc-86dd-8f68aed2c426" providerId="ADAL" clId="{1A807C71-F309-C34E-8EEF-897EDA475A1E}" dt="2023-03-23T00:01:04.729" v="971" actId="478"/>
          <ac:spMkLst>
            <pc:docMk/>
            <pc:sldMk cId="1045260573" sldId="871"/>
            <ac:spMk id="10" creationId="{44F2D79C-78D2-FE80-28B1-F878A344EA2B}"/>
          </ac:spMkLst>
        </pc:spChg>
        <pc:spChg chg="add mod">
          <ac:chgData name="Aluffi, Pietro" userId="810df28b-0e6a-47dc-86dd-8f68aed2c426" providerId="ADAL" clId="{1A807C71-F309-C34E-8EEF-897EDA475A1E}" dt="2023-03-24T14:42:41.019" v="2699" actId="313"/>
          <ac:spMkLst>
            <pc:docMk/>
            <pc:sldMk cId="1045260573" sldId="871"/>
            <ac:spMk id="11" creationId="{3099CE89-2E23-A26C-7786-17F9377FFB68}"/>
          </ac:spMkLst>
        </pc:spChg>
        <pc:spChg chg="add mod">
          <ac:chgData name="Aluffi, Pietro" userId="810df28b-0e6a-47dc-86dd-8f68aed2c426" providerId="ADAL" clId="{1A807C71-F309-C34E-8EEF-897EDA475A1E}" dt="2023-03-24T14:51:30.702" v="2750" actId="164"/>
          <ac:spMkLst>
            <pc:docMk/>
            <pc:sldMk cId="1045260573" sldId="871"/>
            <ac:spMk id="12" creationId="{68A0A4E5-877A-24DE-87BB-5809885FC7C9}"/>
          </ac:spMkLst>
        </pc:spChg>
        <pc:spChg chg="add del mod">
          <ac:chgData name="Aluffi, Pietro" userId="810df28b-0e6a-47dc-86dd-8f68aed2c426" providerId="ADAL" clId="{1A807C71-F309-C34E-8EEF-897EDA475A1E}" dt="2023-03-24T14:46:06.358" v="2709" actId="478"/>
          <ac:spMkLst>
            <pc:docMk/>
            <pc:sldMk cId="1045260573" sldId="871"/>
            <ac:spMk id="13" creationId="{057CA8A7-4C57-AD83-D335-3A3F18A89586}"/>
          </ac:spMkLst>
        </pc:spChg>
        <pc:spChg chg="add del mod">
          <ac:chgData name="Aluffi, Pietro" userId="810df28b-0e6a-47dc-86dd-8f68aed2c426" providerId="ADAL" clId="{1A807C71-F309-C34E-8EEF-897EDA475A1E}" dt="2023-03-24T14:46:05.370" v="2708" actId="478"/>
          <ac:spMkLst>
            <pc:docMk/>
            <pc:sldMk cId="1045260573" sldId="871"/>
            <ac:spMk id="14" creationId="{6C5EF693-D8D6-AD8A-A324-A33807AE42BB}"/>
          </ac:spMkLst>
        </pc:spChg>
        <pc:spChg chg="add del mod">
          <ac:chgData name="Aluffi, Pietro" userId="810df28b-0e6a-47dc-86dd-8f68aed2c426" providerId="ADAL" clId="{1A807C71-F309-C34E-8EEF-897EDA475A1E}" dt="2023-03-24T14:46:08.510" v="2711" actId="478"/>
          <ac:spMkLst>
            <pc:docMk/>
            <pc:sldMk cId="1045260573" sldId="871"/>
            <ac:spMk id="15" creationId="{43B77CDF-CD8E-0F76-29A3-87117CBA14E6}"/>
          </ac:spMkLst>
        </pc:spChg>
        <pc:spChg chg="add mod">
          <ac:chgData name="Aluffi, Pietro" userId="810df28b-0e6a-47dc-86dd-8f68aed2c426" providerId="ADAL" clId="{1A807C71-F309-C34E-8EEF-897EDA475A1E}" dt="2023-03-24T14:47:30.568" v="2733" actId="207"/>
          <ac:spMkLst>
            <pc:docMk/>
            <pc:sldMk cId="1045260573" sldId="871"/>
            <ac:spMk id="18" creationId="{1877DD14-8A49-C4B1-4F13-CE29D0F51B81}"/>
          </ac:spMkLst>
        </pc:spChg>
        <pc:grpChg chg="add mod">
          <ac:chgData name="Aluffi, Pietro" userId="810df28b-0e6a-47dc-86dd-8f68aed2c426" providerId="ADAL" clId="{1A807C71-F309-C34E-8EEF-897EDA475A1E}" dt="2023-03-24T14:51:30.702" v="2750" actId="164"/>
          <ac:grpSpMkLst>
            <pc:docMk/>
            <pc:sldMk cId="1045260573" sldId="871"/>
            <ac:grpSpMk id="19" creationId="{6D2D783D-91DE-BA1A-B031-B9A542963657}"/>
          </ac:grpSpMkLst>
        </pc:grpChg>
        <pc:picChg chg="add mod">
          <ac:chgData name="Aluffi, Pietro" userId="810df28b-0e6a-47dc-86dd-8f68aed2c426" providerId="ADAL" clId="{1A807C71-F309-C34E-8EEF-897EDA475A1E}" dt="2023-03-24T14:47:16.391" v="2731" actId="1076"/>
          <ac:picMkLst>
            <pc:docMk/>
            <pc:sldMk cId="1045260573" sldId="871"/>
            <ac:picMk id="17" creationId="{DFECE691-EC5B-7D30-1A35-861B055992EB}"/>
          </ac:picMkLst>
        </pc:picChg>
        <pc:picChg chg="add mod">
          <ac:chgData name="Aluffi, Pietro" userId="810df28b-0e6a-47dc-86dd-8f68aed2c426" providerId="ADAL" clId="{1A807C71-F309-C34E-8EEF-897EDA475A1E}" dt="2023-03-24T14:51:30.702" v="2750" actId="164"/>
          <ac:picMkLst>
            <pc:docMk/>
            <pc:sldMk cId="1045260573" sldId="871"/>
            <ac:picMk id="2050" creationId="{A3C323E5-E4E9-99B0-D741-01065A1711DD}"/>
          </ac:picMkLst>
        </pc:picChg>
      </pc:sldChg>
      <pc:sldChg chg="modSp add del mod setBg">
        <pc:chgData name="Aluffi, Pietro" userId="810df28b-0e6a-47dc-86dd-8f68aed2c426" providerId="ADAL" clId="{1A807C71-F309-C34E-8EEF-897EDA475A1E}" dt="2023-03-22T19:18:32.063" v="67" actId="2696"/>
        <pc:sldMkLst>
          <pc:docMk/>
          <pc:sldMk cId="1880153695" sldId="871"/>
        </pc:sldMkLst>
        <pc:spChg chg="mod">
          <ac:chgData name="Aluffi, Pietro" userId="810df28b-0e6a-47dc-86dd-8f68aed2c426" providerId="ADAL" clId="{1A807C71-F309-C34E-8EEF-897EDA475A1E}" dt="2023-03-22T19:18:30.855" v="66" actId="20577"/>
          <ac:spMkLst>
            <pc:docMk/>
            <pc:sldMk cId="1880153695" sldId="871"/>
            <ac:spMk id="2" creationId="{AE1BE45B-27F9-0D2E-2A9E-05DA21A9DE93}"/>
          </ac:spMkLst>
        </pc:spChg>
      </pc:sldChg>
      <pc:sldChg chg="add del setBg">
        <pc:chgData name="Aluffi, Pietro" userId="810df28b-0e6a-47dc-86dd-8f68aed2c426" providerId="ADAL" clId="{1A807C71-F309-C34E-8EEF-897EDA475A1E}" dt="2023-03-22T19:18:36.346" v="69"/>
        <pc:sldMkLst>
          <pc:docMk/>
          <pc:sldMk cId="2120860170" sldId="871"/>
        </pc:sldMkLst>
      </pc:sldChg>
      <pc:sldChg chg="addSp delSp modSp add mod ord">
        <pc:chgData name="Aluffi, Pietro" userId="810df28b-0e6a-47dc-86dd-8f68aed2c426" providerId="ADAL" clId="{1A807C71-F309-C34E-8EEF-897EDA475A1E}" dt="2023-03-27T11:30:01.607" v="6677" actId="20577"/>
        <pc:sldMkLst>
          <pc:docMk/>
          <pc:sldMk cId="753772292" sldId="872"/>
        </pc:sldMkLst>
        <pc:spChg chg="mod">
          <ac:chgData name="Aluffi, Pietro" userId="810df28b-0e6a-47dc-86dd-8f68aed2c426" providerId="ADAL" clId="{1A807C71-F309-C34E-8EEF-897EDA475A1E}" dt="2023-03-27T11:30:01.607" v="6677" actId="20577"/>
          <ac:spMkLst>
            <pc:docMk/>
            <pc:sldMk cId="753772292" sldId="872"/>
            <ac:spMk id="2" creationId="{4EF9789A-4335-4577-AF25-1CB52F39AA43}"/>
          </ac:spMkLst>
        </pc:spChg>
        <pc:spChg chg="add del mod">
          <ac:chgData name="Aluffi, Pietro" userId="810df28b-0e6a-47dc-86dd-8f68aed2c426" providerId="ADAL" clId="{1A807C71-F309-C34E-8EEF-897EDA475A1E}" dt="2023-03-22T23:54:53.535" v="723" actId="478"/>
          <ac:spMkLst>
            <pc:docMk/>
            <pc:sldMk cId="753772292" sldId="872"/>
            <ac:spMk id="3" creationId="{52E11D7C-2BA2-F909-F25B-255FC2C01C9E}"/>
          </ac:spMkLst>
        </pc:spChg>
        <pc:spChg chg="add del mod">
          <ac:chgData name="Aluffi, Pietro" userId="810df28b-0e6a-47dc-86dd-8f68aed2c426" providerId="ADAL" clId="{1A807C71-F309-C34E-8EEF-897EDA475A1E}" dt="2023-03-22T23:54:53.535" v="723" actId="478"/>
          <ac:spMkLst>
            <pc:docMk/>
            <pc:sldMk cId="753772292" sldId="872"/>
            <ac:spMk id="5" creationId="{D3C2E130-4B26-8DAE-97C0-17D0DD320790}"/>
          </ac:spMkLst>
        </pc:spChg>
        <pc:spChg chg="add del mod">
          <ac:chgData name="Aluffi, Pietro" userId="810df28b-0e6a-47dc-86dd-8f68aed2c426" providerId="ADAL" clId="{1A807C71-F309-C34E-8EEF-897EDA475A1E}" dt="2023-03-22T23:54:53.535" v="723" actId="478"/>
          <ac:spMkLst>
            <pc:docMk/>
            <pc:sldMk cId="753772292" sldId="872"/>
            <ac:spMk id="7" creationId="{D520EED2-0B1B-DBC8-FA89-FA6F597CA24C}"/>
          </ac:spMkLst>
        </pc:spChg>
        <pc:spChg chg="add mod">
          <ac:chgData name="Aluffi, Pietro" userId="810df28b-0e6a-47dc-86dd-8f68aed2c426" providerId="ADAL" clId="{1A807C71-F309-C34E-8EEF-897EDA475A1E}" dt="2023-03-22T23:58:24.359" v="926" actId="1035"/>
          <ac:spMkLst>
            <pc:docMk/>
            <pc:sldMk cId="753772292" sldId="872"/>
            <ac:spMk id="10" creationId="{47A2EDB4-5132-2B63-E728-7B488D385E36}"/>
          </ac:spMkLst>
        </pc:spChg>
        <pc:spChg chg="add mod">
          <ac:chgData name="Aluffi, Pietro" userId="810df28b-0e6a-47dc-86dd-8f68aed2c426" providerId="ADAL" clId="{1A807C71-F309-C34E-8EEF-897EDA475A1E}" dt="2023-03-22T23:58:24.359" v="926" actId="1035"/>
          <ac:spMkLst>
            <pc:docMk/>
            <pc:sldMk cId="753772292" sldId="872"/>
            <ac:spMk id="11" creationId="{C87BE77E-059D-AECB-51EE-8B27D63B1B78}"/>
          </ac:spMkLst>
        </pc:spChg>
        <pc:spChg chg="add mod">
          <ac:chgData name="Aluffi, Pietro" userId="810df28b-0e6a-47dc-86dd-8f68aed2c426" providerId="ADAL" clId="{1A807C71-F309-C34E-8EEF-897EDA475A1E}" dt="2023-03-22T23:58:24.359" v="926" actId="1035"/>
          <ac:spMkLst>
            <pc:docMk/>
            <pc:sldMk cId="753772292" sldId="872"/>
            <ac:spMk id="12" creationId="{893405BE-9231-8378-BAB2-591AB1E7E55F}"/>
          </ac:spMkLst>
        </pc:spChg>
        <pc:spChg chg="add del mod">
          <ac:chgData name="Aluffi, Pietro" userId="810df28b-0e6a-47dc-86dd-8f68aed2c426" providerId="ADAL" clId="{1A807C71-F309-C34E-8EEF-897EDA475A1E}" dt="2023-03-22T23:58:24.359" v="926" actId="1035"/>
          <ac:spMkLst>
            <pc:docMk/>
            <pc:sldMk cId="753772292" sldId="872"/>
            <ac:spMk id="14" creationId="{FC9D2B35-2962-8091-234A-7EB32D78B8C6}"/>
          </ac:spMkLst>
        </pc:spChg>
        <pc:spChg chg="add del mod">
          <ac:chgData name="Aluffi, Pietro" userId="810df28b-0e6a-47dc-86dd-8f68aed2c426" providerId="ADAL" clId="{1A807C71-F309-C34E-8EEF-897EDA475A1E}" dt="2023-03-22T23:58:24.359" v="926" actId="1035"/>
          <ac:spMkLst>
            <pc:docMk/>
            <pc:sldMk cId="753772292" sldId="872"/>
            <ac:spMk id="15" creationId="{53AA7774-1961-0937-996F-44831B7C65FC}"/>
          </ac:spMkLst>
        </pc:spChg>
        <pc:spChg chg="add del mod">
          <ac:chgData name="Aluffi, Pietro" userId="810df28b-0e6a-47dc-86dd-8f68aed2c426" providerId="ADAL" clId="{1A807C71-F309-C34E-8EEF-897EDA475A1E}" dt="2023-03-22T23:58:24.359" v="926" actId="1035"/>
          <ac:spMkLst>
            <pc:docMk/>
            <pc:sldMk cId="753772292" sldId="872"/>
            <ac:spMk id="16" creationId="{F5919AD4-E729-0226-284E-51BFBCA62184}"/>
          </ac:spMkLst>
        </pc:spChg>
        <pc:spChg chg="add del mod">
          <ac:chgData name="Aluffi, Pietro" userId="810df28b-0e6a-47dc-86dd-8f68aed2c426" providerId="ADAL" clId="{1A807C71-F309-C34E-8EEF-897EDA475A1E}" dt="2023-03-22T23:56:28.297" v="817" actId="478"/>
          <ac:spMkLst>
            <pc:docMk/>
            <pc:sldMk cId="753772292" sldId="872"/>
            <ac:spMk id="18" creationId="{577AE8A9-531F-7057-CE8E-056B26F20346}"/>
          </ac:spMkLst>
        </pc:spChg>
        <pc:spChg chg="add mod">
          <ac:chgData name="Aluffi, Pietro" userId="810df28b-0e6a-47dc-86dd-8f68aed2c426" providerId="ADAL" clId="{1A807C71-F309-C34E-8EEF-897EDA475A1E}" dt="2023-03-22T23:58:24.359" v="926" actId="1035"/>
          <ac:spMkLst>
            <pc:docMk/>
            <pc:sldMk cId="753772292" sldId="872"/>
            <ac:spMk id="19" creationId="{D6A8612B-2704-845E-D3CB-FCCA2BA05A58}"/>
          </ac:spMkLst>
        </pc:spChg>
        <pc:spChg chg="add mod">
          <ac:chgData name="Aluffi, Pietro" userId="810df28b-0e6a-47dc-86dd-8f68aed2c426" providerId="ADAL" clId="{1A807C71-F309-C34E-8EEF-897EDA475A1E}" dt="2023-03-22T23:58:24.359" v="926" actId="1035"/>
          <ac:spMkLst>
            <pc:docMk/>
            <pc:sldMk cId="753772292" sldId="872"/>
            <ac:spMk id="20" creationId="{FA00D063-89D5-0FB9-FFEA-D04CAA341526}"/>
          </ac:spMkLst>
        </pc:spChg>
        <pc:spChg chg="add mod">
          <ac:chgData name="Aluffi, Pietro" userId="810df28b-0e6a-47dc-86dd-8f68aed2c426" providerId="ADAL" clId="{1A807C71-F309-C34E-8EEF-897EDA475A1E}" dt="2023-03-22T23:58:47.194" v="943" actId="207"/>
          <ac:spMkLst>
            <pc:docMk/>
            <pc:sldMk cId="753772292" sldId="872"/>
            <ac:spMk id="21" creationId="{0167A2AE-5E89-A3CE-A29B-0BBBBAD5AFE7}"/>
          </ac:spMkLst>
        </pc:spChg>
        <pc:picChg chg="del mod">
          <ac:chgData name="Aluffi, Pietro" userId="810df28b-0e6a-47dc-86dd-8f68aed2c426" providerId="ADAL" clId="{1A807C71-F309-C34E-8EEF-897EDA475A1E}" dt="2023-03-22T23:56:20.473" v="815" actId="478"/>
          <ac:picMkLst>
            <pc:docMk/>
            <pc:sldMk cId="753772292" sldId="872"/>
            <ac:picMk id="4" creationId="{D7EB3B00-1A88-8521-ACF0-75D44AC9F4C9}"/>
          </ac:picMkLst>
        </pc:picChg>
        <pc:picChg chg="add del mod">
          <ac:chgData name="Aluffi, Pietro" userId="810df28b-0e6a-47dc-86dd-8f68aed2c426" providerId="ADAL" clId="{1A807C71-F309-C34E-8EEF-897EDA475A1E}" dt="2023-03-22T23:55:00.588" v="729" actId="478"/>
          <ac:picMkLst>
            <pc:docMk/>
            <pc:sldMk cId="753772292" sldId="872"/>
            <ac:picMk id="9" creationId="{C83D1AB4-16DF-B5DD-B08C-FABD6AAB7E87}"/>
          </ac:picMkLst>
        </pc:picChg>
        <pc:picChg chg="add del mod">
          <ac:chgData name="Aluffi, Pietro" userId="810df28b-0e6a-47dc-86dd-8f68aed2c426" providerId="ADAL" clId="{1A807C71-F309-C34E-8EEF-897EDA475A1E}" dt="2023-03-23T00:00:25.610" v="962" actId="478"/>
          <ac:picMkLst>
            <pc:docMk/>
            <pc:sldMk cId="753772292" sldId="872"/>
            <ac:picMk id="13" creationId="{7D04A21A-1A17-F965-0D58-D197352D8458}"/>
          </ac:picMkLst>
        </pc:picChg>
        <pc:cxnChg chg="add mod">
          <ac:chgData name="Aluffi, Pietro" userId="810df28b-0e6a-47dc-86dd-8f68aed2c426" providerId="ADAL" clId="{1A807C71-F309-C34E-8EEF-897EDA475A1E}" dt="2023-03-22T23:59:09.674" v="946" actId="208"/>
          <ac:cxnSpMkLst>
            <pc:docMk/>
            <pc:sldMk cId="753772292" sldId="872"/>
            <ac:cxnSpMk id="23" creationId="{651D5650-2A75-5196-3288-90954E5BA03B}"/>
          </ac:cxnSpMkLst>
        </pc:cxnChg>
        <pc:cxnChg chg="add mod">
          <ac:chgData name="Aluffi, Pietro" userId="810df28b-0e6a-47dc-86dd-8f68aed2c426" providerId="ADAL" clId="{1A807C71-F309-C34E-8EEF-897EDA475A1E}" dt="2023-03-22T23:59:44.328" v="949" actId="108"/>
          <ac:cxnSpMkLst>
            <pc:docMk/>
            <pc:sldMk cId="753772292" sldId="872"/>
            <ac:cxnSpMk id="25" creationId="{165C53F5-A5D4-44B5-C83A-5E6322BB4839}"/>
          </ac:cxnSpMkLst>
        </pc:cxnChg>
        <pc:cxnChg chg="add mod">
          <ac:chgData name="Aluffi, Pietro" userId="810df28b-0e6a-47dc-86dd-8f68aed2c426" providerId="ADAL" clId="{1A807C71-F309-C34E-8EEF-897EDA475A1E}" dt="2023-03-22T23:59:52.050" v="950" actId="692"/>
          <ac:cxnSpMkLst>
            <pc:docMk/>
            <pc:sldMk cId="753772292" sldId="872"/>
            <ac:cxnSpMk id="27" creationId="{6B6CB0A4-676B-FFF4-80A9-D0090FC7501B}"/>
          </ac:cxnSpMkLst>
        </pc:cxnChg>
        <pc:cxnChg chg="add del mod">
          <ac:chgData name="Aluffi, Pietro" userId="810df28b-0e6a-47dc-86dd-8f68aed2c426" providerId="ADAL" clId="{1A807C71-F309-C34E-8EEF-897EDA475A1E}" dt="2023-03-23T00:00:05.950" v="954" actId="478"/>
          <ac:cxnSpMkLst>
            <pc:docMk/>
            <pc:sldMk cId="753772292" sldId="872"/>
            <ac:cxnSpMk id="28" creationId="{9430DEAE-656B-113E-A647-564EF8259847}"/>
          </ac:cxnSpMkLst>
        </pc:cxnChg>
        <pc:cxnChg chg="add del mod">
          <ac:chgData name="Aluffi, Pietro" userId="810df28b-0e6a-47dc-86dd-8f68aed2c426" providerId="ADAL" clId="{1A807C71-F309-C34E-8EEF-897EDA475A1E}" dt="2023-03-23T00:00:09.990" v="955" actId="478"/>
          <ac:cxnSpMkLst>
            <pc:docMk/>
            <pc:sldMk cId="753772292" sldId="872"/>
            <ac:cxnSpMk id="29" creationId="{3753EBC0-FF8F-51F5-4D67-1CFB302DA184}"/>
          </ac:cxnSpMkLst>
        </pc:cxnChg>
        <pc:cxnChg chg="add mod">
          <ac:chgData name="Aluffi, Pietro" userId="810df28b-0e6a-47dc-86dd-8f68aed2c426" providerId="ADAL" clId="{1A807C71-F309-C34E-8EEF-897EDA475A1E}" dt="2023-03-23T00:00:02.057" v="953" actId="14100"/>
          <ac:cxnSpMkLst>
            <pc:docMk/>
            <pc:sldMk cId="753772292" sldId="872"/>
            <ac:cxnSpMk id="30" creationId="{EA474C6B-9B74-3095-2C44-7B1785D3C160}"/>
          </ac:cxnSpMkLst>
        </pc:cxnChg>
        <pc:cxnChg chg="add mod">
          <ac:chgData name="Aluffi, Pietro" userId="810df28b-0e6a-47dc-86dd-8f68aed2c426" providerId="ADAL" clId="{1A807C71-F309-C34E-8EEF-897EDA475A1E}" dt="2023-03-23T00:00:17.626" v="958" actId="14100"/>
          <ac:cxnSpMkLst>
            <pc:docMk/>
            <pc:sldMk cId="753772292" sldId="872"/>
            <ac:cxnSpMk id="35" creationId="{DE956CF5-7D9B-96AA-8B3E-54AEED55AE18}"/>
          </ac:cxnSpMkLst>
        </pc:cxnChg>
        <pc:cxnChg chg="add mod">
          <ac:chgData name="Aluffi, Pietro" userId="810df28b-0e6a-47dc-86dd-8f68aed2c426" providerId="ADAL" clId="{1A807C71-F309-C34E-8EEF-897EDA475A1E}" dt="2023-03-23T00:00:23.527" v="961" actId="14100"/>
          <ac:cxnSpMkLst>
            <pc:docMk/>
            <pc:sldMk cId="753772292" sldId="872"/>
            <ac:cxnSpMk id="38" creationId="{A4437F65-B580-33A7-D144-CEC4EC52BC5D}"/>
          </ac:cxnSpMkLst>
        </pc:cxnChg>
      </pc:sldChg>
      <pc:sldChg chg="add del setBg">
        <pc:chgData name="Aluffi, Pietro" userId="810df28b-0e6a-47dc-86dd-8f68aed2c426" providerId="ADAL" clId="{1A807C71-F309-C34E-8EEF-897EDA475A1E}" dt="2023-03-22T20:02:42.550" v="167"/>
        <pc:sldMkLst>
          <pc:docMk/>
          <pc:sldMk cId="682368875" sldId="873"/>
        </pc:sldMkLst>
      </pc:sldChg>
      <pc:sldChg chg="addSp delSp modSp add mod modNotesTx">
        <pc:chgData name="Aluffi, Pietro" userId="810df28b-0e6a-47dc-86dd-8f68aed2c426" providerId="ADAL" clId="{1A807C71-F309-C34E-8EEF-897EDA475A1E}" dt="2023-03-27T11:20:12.547" v="6397" actId="20577"/>
        <pc:sldMkLst>
          <pc:docMk/>
          <pc:sldMk cId="1971445594" sldId="873"/>
        </pc:sldMkLst>
        <pc:spChg chg="del mod">
          <ac:chgData name="Aluffi, Pietro" userId="810df28b-0e6a-47dc-86dd-8f68aed2c426" providerId="ADAL" clId="{1A807C71-F309-C34E-8EEF-897EDA475A1E}" dt="2023-03-22T22:03:02.174" v="266" actId="478"/>
          <ac:spMkLst>
            <pc:docMk/>
            <pc:sldMk cId="1971445594" sldId="873"/>
            <ac:spMk id="2" creationId="{AE1BE45B-27F9-0D2E-2A9E-05DA21A9DE93}"/>
          </ac:spMkLst>
        </pc:spChg>
        <pc:spChg chg="add del">
          <ac:chgData name="Aluffi, Pietro" userId="810df28b-0e6a-47dc-86dd-8f68aed2c426" providerId="ADAL" clId="{1A807C71-F309-C34E-8EEF-897EDA475A1E}" dt="2023-03-22T23:15:23.957" v="281" actId="22"/>
          <ac:spMkLst>
            <pc:docMk/>
            <pc:sldMk cId="1971445594" sldId="873"/>
            <ac:spMk id="4" creationId="{63F303E6-A8F1-FA45-E4B7-962AAAA7896E}"/>
          </ac:spMkLst>
        </pc:spChg>
        <pc:picChg chg="mod">
          <ac:chgData name="Aluffi, Pietro" userId="810df28b-0e6a-47dc-86dd-8f68aed2c426" providerId="ADAL" clId="{1A807C71-F309-C34E-8EEF-897EDA475A1E}" dt="2023-03-22T22:14:10.736" v="275" actId="1076"/>
          <ac:picMkLst>
            <pc:docMk/>
            <pc:sldMk cId="1971445594" sldId="873"/>
            <ac:picMk id="6" creationId="{A5AC48A6-DB10-8674-558E-0232B0D83A15}"/>
          </ac:picMkLst>
        </pc:picChg>
      </pc:sldChg>
      <pc:sldChg chg="add del setBg">
        <pc:chgData name="Aluffi, Pietro" userId="810df28b-0e6a-47dc-86dd-8f68aed2c426" providerId="ADAL" clId="{1A807C71-F309-C34E-8EEF-897EDA475A1E}" dt="2023-03-22T20:02:46.519" v="169"/>
        <pc:sldMkLst>
          <pc:docMk/>
          <pc:sldMk cId="2217997310" sldId="873"/>
        </pc:sldMkLst>
      </pc:sldChg>
      <pc:sldChg chg="add del setBg">
        <pc:chgData name="Aluffi, Pietro" userId="810df28b-0e6a-47dc-86dd-8f68aed2c426" providerId="ADAL" clId="{1A807C71-F309-C34E-8EEF-897EDA475A1E}" dt="2023-03-22T20:02:37.976" v="163"/>
        <pc:sldMkLst>
          <pc:docMk/>
          <pc:sldMk cId="2425728234" sldId="873"/>
        </pc:sldMkLst>
      </pc:sldChg>
      <pc:sldChg chg="add del setBg">
        <pc:chgData name="Aluffi, Pietro" userId="810df28b-0e6a-47dc-86dd-8f68aed2c426" providerId="ADAL" clId="{1A807C71-F309-C34E-8EEF-897EDA475A1E}" dt="2023-03-22T20:02:23.622" v="154"/>
        <pc:sldMkLst>
          <pc:docMk/>
          <pc:sldMk cId="3554561793" sldId="873"/>
        </pc:sldMkLst>
      </pc:sldChg>
      <pc:sldChg chg="add del setBg">
        <pc:chgData name="Aluffi, Pietro" userId="810df28b-0e6a-47dc-86dd-8f68aed2c426" providerId="ADAL" clId="{1A807C71-F309-C34E-8EEF-897EDA475A1E}" dt="2023-03-22T20:05:38.379" v="176"/>
        <pc:sldMkLst>
          <pc:docMk/>
          <pc:sldMk cId="1076651689" sldId="874"/>
        </pc:sldMkLst>
      </pc:sldChg>
      <pc:sldChg chg="addSp delSp modSp add mod setBg modNotesTx">
        <pc:chgData name="Aluffi, Pietro" userId="810df28b-0e6a-47dc-86dd-8f68aed2c426" providerId="ADAL" clId="{1A807C71-F309-C34E-8EEF-897EDA475A1E}" dt="2023-03-22T21:55:27.293" v="257" actId="478"/>
        <pc:sldMkLst>
          <pc:docMk/>
          <pc:sldMk cId="3901287093" sldId="874"/>
        </pc:sldMkLst>
        <pc:spChg chg="del">
          <ac:chgData name="Aluffi, Pietro" userId="810df28b-0e6a-47dc-86dd-8f68aed2c426" providerId="ADAL" clId="{1A807C71-F309-C34E-8EEF-897EDA475A1E}" dt="2023-03-22T20:05:40.611" v="178" actId="478"/>
          <ac:spMkLst>
            <pc:docMk/>
            <pc:sldMk cId="3901287093" sldId="874"/>
            <ac:spMk id="2" creationId="{AE1BE45B-27F9-0D2E-2A9E-05DA21A9DE93}"/>
          </ac:spMkLst>
        </pc:spChg>
        <pc:spChg chg="add del mod">
          <ac:chgData name="Aluffi, Pietro" userId="810df28b-0e6a-47dc-86dd-8f68aed2c426" providerId="ADAL" clId="{1A807C71-F309-C34E-8EEF-897EDA475A1E}" dt="2023-03-22T20:05:42.538" v="179" actId="478"/>
          <ac:spMkLst>
            <pc:docMk/>
            <pc:sldMk cId="3901287093" sldId="874"/>
            <ac:spMk id="4" creationId="{F81132FF-EE7F-95DD-C29B-5F86C0FA8098}"/>
          </ac:spMkLst>
        </pc:spChg>
        <pc:spChg chg="add del mod">
          <ac:chgData name="Aluffi, Pietro" userId="810df28b-0e6a-47dc-86dd-8f68aed2c426" providerId="ADAL" clId="{1A807C71-F309-C34E-8EEF-897EDA475A1E}" dt="2023-03-22T21:52:40.540" v="245"/>
          <ac:spMkLst>
            <pc:docMk/>
            <pc:sldMk cId="3901287093" sldId="874"/>
            <ac:spMk id="5" creationId="{52FEEC2F-7DA5-129E-63FA-2F6E0703FE41}"/>
          </ac:spMkLst>
        </pc:spChg>
        <pc:picChg chg="del mod">
          <ac:chgData name="Aluffi, Pietro" userId="810df28b-0e6a-47dc-86dd-8f68aed2c426" providerId="ADAL" clId="{1A807C71-F309-C34E-8EEF-897EDA475A1E}" dt="2023-03-22T21:55:27.293" v="257" actId="478"/>
          <ac:picMkLst>
            <pc:docMk/>
            <pc:sldMk cId="3901287093" sldId="874"/>
            <ac:picMk id="17" creationId="{2EFC4E61-4690-EAFB-667C-7EFE9C20CF3C}"/>
          </ac:picMkLst>
        </pc:picChg>
      </pc:sldChg>
      <pc:sldChg chg="add del setBg">
        <pc:chgData name="Aluffi, Pietro" userId="810df28b-0e6a-47dc-86dd-8f68aed2c426" providerId="ADAL" clId="{1A807C71-F309-C34E-8EEF-897EDA475A1E}" dt="2023-03-22T21:52:46.263" v="247"/>
        <pc:sldMkLst>
          <pc:docMk/>
          <pc:sldMk cId="2092759777" sldId="875"/>
        </pc:sldMkLst>
      </pc:sldChg>
      <pc:sldChg chg="addSp delSp modSp add mod setBg modNotesTx">
        <pc:chgData name="Aluffi, Pietro" userId="810df28b-0e6a-47dc-86dd-8f68aed2c426" providerId="ADAL" clId="{1A807C71-F309-C34E-8EEF-897EDA475A1E}" dt="2023-03-27T11:19:34.375" v="6390" actId="20577"/>
        <pc:sldMkLst>
          <pc:docMk/>
          <pc:sldMk cId="3245306230" sldId="875"/>
        </pc:sldMkLst>
        <pc:spChg chg="add del mod">
          <ac:chgData name="Aluffi, Pietro" userId="810df28b-0e6a-47dc-86dd-8f68aed2c426" providerId="ADAL" clId="{1A807C71-F309-C34E-8EEF-897EDA475A1E}" dt="2023-03-22T21:55:12.545" v="253"/>
          <ac:spMkLst>
            <pc:docMk/>
            <pc:sldMk cId="3245306230" sldId="875"/>
            <ac:spMk id="3" creationId="{168E74AD-22E5-5CBD-D4DC-7CE194ED7AA0}"/>
          </ac:spMkLst>
        </pc:spChg>
        <pc:picChg chg="add del mod">
          <ac:chgData name="Aluffi, Pietro" userId="810df28b-0e6a-47dc-86dd-8f68aed2c426" providerId="ADAL" clId="{1A807C71-F309-C34E-8EEF-897EDA475A1E}" dt="2023-03-22T21:55:32.064" v="258" actId="478"/>
          <ac:picMkLst>
            <pc:docMk/>
            <pc:sldMk cId="3245306230" sldId="875"/>
            <ac:picMk id="2" creationId="{E6E25D51-D2C0-E796-C9D0-EDFBF92232AA}"/>
          </ac:picMkLst>
        </pc:picChg>
        <pc:picChg chg="del">
          <ac:chgData name="Aluffi, Pietro" userId="810df28b-0e6a-47dc-86dd-8f68aed2c426" providerId="ADAL" clId="{1A807C71-F309-C34E-8EEF-897EDA475A1E}" dt="2023-03-22T21:52:47.904" v="249" actId="478"/>
          <ac:picMkLst>
            <pc:docMk/>
            <pc:sldMk cId="3245306230" sldId="875"/>
            <ac:picMk id="17" creationId="{2EFC4E61-4690-EAFB-667C-7EFE9C20CF3C}"/>
          </ac:picMkLst>
        </pc:picChg>
      </pc:sldChg>
      <pc:sldChg chg="add del setBg">
        <pc:chgData name="Aluffi, Pietro" userId="810df28b-0e6a-47dc-86dd-8f68aed2c426" providerId="ADAL" clId="{1A807C71-F309-C34E-8EEF-897EDA475A1E}" dt="2023-03-22T23:15:29.120" v="283"/>
        <pc:sldMkLst>
          <pc:docMk/>
          <pc:sldMk cId="2693804196" sldId="876"/>
        </pc:sldMkLst>
      </pc:sldChg>
      <pc:sldChg chg="add del">
        <pc:chgData name="Aluffi, Pietro" userId="810df28b-0e6a-47dc-86dd-8f68aed2c426" providerId="ADAL" clId="{1A807C71-F309-C34E-8EEF-897EDA475A1E}" dt="2023-03-23T01:46:45.577" v="997" actId="2696"/>
        <pc:sldMkLst>
          <pc:docMk/>
          <pc:sldMk cId="3037851004" sldId="876"/>
        </pc:sldMkLst>
      </pc:sldChg>
      <pc:sldChg chg="addSp delSp modSp add mod ord modNotesTx">
        <pc:chgData name="Aluffi, Pietro" userId="810df28b-0e6a-47dc-86dd-8f68aed2c426" providerId="ADAL" clId="{1A807C71-F309-C34E-8EEF-897EDA475A1E}" dt="2023-03-23T00:00:43.715" v="968" actId="20577"/>
        <pc:sldMkLst>
          <pc:docMk/>
          <pc:sldMk cId="502846944" sldId="877"/>
        </pc:sldMkLst>
        <pc:spChg chg="mod">
          <ac:chgData name="Aluffi, Pietro" userId="810df28b-0e6a-47dc-86dd-8f68aed2c426" providerId="ADAL" clId="{1A807C71-F309-C34E-8EEF-897EDA475A1E}" dt="2023-03-23T00:00:43.715" v="968" actId="20577"/>
          <ac:spMkLst>
            <pc:docMk/>
            <pc:sldMk cId="502846944" sldId="877"/>
            <ac:spMk id="2" creationId="{4EF9789A-4335-4577-AF25-1CB52F39AA43}"/>
          </ac:spMkLst>
        </pc:spChg>
        <pc:spChg chg="add del mod">
          <ac:chgData name="Aluffi, Pietro" userId="810df28b-0e6a-47dc-86dd-8f68aed2c426" providerId="ADAL" clId="{1A807C71-F309-C34E-8EEF-897EDA475A1E}" dt="2023-03-22T23:43:46.936" v="439" actId="478"/>
          <ac:spMkLst>
            <pc:docMk/>
            <pc:sldMk cId="502846944" sldId="877"/>
            <ac:spMk id="5" creationId="{9491F537-795C-C091-DB94-4E1B44BD29FE}"/>
          </ac:spMkLst>
        </pc:spChg>
        <pc:spChg chg="mod">
          <ac:chgData name="Aluffi, Pietro" userId="810df28b-0e6a-47dc-86dd-8f68aed2c426" providerId="ADAL" clId="{1A807C71-F309-C34E-8EEF-897EDA475A1E}" dt="2023-03-22T23:46:18.723" v="529" actId="20577"/>
          <ac:spMkLst>
            <pc:docMk/>
            <pc:sldMk cId="502846944" sldId="877"/>
            <ac:spMk id="6" creationId="{F152FE58-98D6-BE7A-D5ED-1227CAEE1F92}"/>
          </ac:spMkLst>
        </pc:spChg>
        <pc:spChg chg="add mod">
          <ac:chgData name="Aluffi, Pietro" userId="810df28b-0e6a-47dc-86dd-8f68aed2c426" providerId="ADAL" clId="{1A807C71-F309-C34E-8EEF-897EDA475A1E}" dt="2023-03-22T23:44:44.552" v="519" actId="1076"/>
          <ac:spMkLst>
            <pc:docMk/>
            <pc:sldMk cId="502846944" sldId="877"/>
            <ac:spMk id="7" creationId="{C526D8F6-33A5-01ED-B628-5ED2356F53B4}"/>
          </ac:spMkLst>
        </pc:spChg>
        <pc:spChg chg="add mod">
          <ac:chgData name="Aluffi, Pietro" userId="810df28b-0e6a-47dc-86dd-8f68aed2c426" providerId="ADAL" clId="{1A807C71-F309-C34E-8EEF-897EDA475A1E}" dt="2023-03-22T23:44:44.552" v="519" actId="1076"/>
          <ac:spMkLst>
            <pc:docMk/>
            <pc:sldMk cId="502846944" sldId="877"/>
            <ac:spMk id="8" creationId="{7A922D63-D575-94AB-DCAD-8B33984B1F57}"/>
          </ac:spMkLst>
        </pc:spChg>
        <pc:spChg chg="add mod">
          <ac:chgData name="Aluffi, Pietro" userId="810df28b-0e6a-47dc-86dd-8f68aed2c426" providerId="ADAL" clId="{1A807C71-F309-C34E-8EEF-897EDA475A1E}" dt="2023-03-22T23:44:44.552" v="519" actId="1076"/>
          <ac:spMkLst>
            <pc:docMk/>
            <pc:sldMk cId="502846944" sldId="877"/>
            <ac:spMk id="9" creationId="{CA3A3FCD-A410-5C56-35BE-8093C5CF4CDF}"/>
          </ac:spMkLst>
        </pc:spChg>
        <pc:picChg chg="del">
          <ac:chgData name="Aluffi, Pietro" userId="810df28b-0e6a-47dc-86dd-8f68aed2c426" providerId="ADAL" clId="{1A807C71-F309-C34E-8EEF-897EDA475A1E}" dt="2023-03-22T23:43:45.233" v="438" actId="478"/>
          <ac:picMkLst>
            <pc:docMk/>
            <pc:sldMk cId="502846944" sldId="877"/>
            <ac:picMk id="4" creationId="{D7EB3B00-1A88-8521-ACF0-75D44AC9F4C9}"/>
          </ac:picMkLst>
        </pc:picChg>
      </pc:sldChg>
      <pc:sldChg chg="add del setBg">
        <pc:chgData name="Aluffi, Pietro" userId="810df28b-0e6a-47dc-86dd-8f68aed2c426" providerId="ADAL" clId="{1A807C71-F309-C34E-8EEF-897EDA475A1E}" dt="2023-03-22T23:43:14.366" v="404"/>
        <pc:sldMkLst>
          <pc:docMk/>
          <pc:sldMk cId="1612212275" sldId="877"/>
        </pc:sldMkLst>
      </pc:sldChg>
      <pc:sldChg chg="add del">
        <pc:chgData name="Aluffi, Pietro" userId="810df28b-0e6a-47dc-86dd-8f68aed2c426" providerId="ADAL" clId="{1A807C71-F309-C34E-8EEF-897EDA475A1E}" dt="2023-03-22T23:43:38.366" v="434"/>
        <pc:sldMkLst>
          <pc:docMk/>
          <pc:sldMk cId="3470911186" sldId="877"/>
        </pc:sldMkLst>
      </pc:sldChg>
      <pc:sldChg chg="addSp delSp modSp add mod ord modNotesTx">
        <pc:chgData name="Aluffi, Pietro" userId="810df28b-0e6a-47dc-86dd-8f68aed2c426" providerId="ADAL" clId="{1A807C71-F309-C34E-8EEF-897EDA475A1E}" dt="2023-03-27T11:27:00.663" v="6639" actId="20577"/>
        <pc:sldMkLst>
          <pc:docMk/>
          <pc:sldMk cId="3828507129" sldId="878"/>
        </pc:sldMkLst>
        <pc:spChg chg="mod">
          <ac:chgData name="Aluffi, Pietro" userId="810df28b-0e6a-47dc-86dd-8f68aed2c426" providerId="ADAL" clId="{1A807C71-F309-C34E-8EEF-897EDA475A1E}" dt="2023-03-27T11:27:00.663" v="6639" actId="20577"/>
          <ac:spMkLst>
            <pc:docMk/>
            <pc:sldMk cId="3828507129" sldId="878"/>
            <ac:spMk id="2" creationId="{4EF9789A-4335-4577-AF25-1CB52F39AA43}"/>
          </ac:spMkLst>
        </pc:spChg>
        <pc:spChg chg="del">
          <ac:chgData name="Aluffi, Pietro" userId="810df28b-0e6a-47dc-86dd-8f68aed2c426" providerId="ADAL" clId="{1A807C71-F309-C34E-8EEF-897EDA475A1E}" dt="2023-03-23T00:01:22.731" v="977" actId="478"/>
          <ac:spMkLst>
            <pc:docMk/>
            <pc:sldMk cId="3828507129" sldId="878"/>
            <ac:spMk id="5" creationId="{D695D6E8-C8B7-C1D4-C331-44BD5FDF85A3}"/>
          </ac:spMkLst>
        </pc:spChg>
        <pc:spChg chg="del">
          <ac:chgData name="Aluffi, Pietro" userId="810df28b-0e6a-47dc-86dd-8f68aed2c426" providerId="ADAL" clId="{1A807C71-F309-C34E-8EEF-897EDA475A1E}" dt="2023-03-23T00:01:24.734" v="978" actId="478"/>
          <ac:spMkLst>
            <pc:docMk/>
            <pc:sldMk cId="3828507129" sldId="878"/>
            <ac:spMk id="6" creationId="{F152FE58-98D6-BE7A-D5ED-1227CAEE1F92}"/>
          </ac:spMkLst>
        </pc:spChg>
        <pc:grpChg chg="add mod">
          <ac:chgData name="Aluffi, Pietro" userId="810df28b-0e6a-47dc-86dd-8f68aed2c426" providerId="ADAL" clId="{1A807C71-F309-C34E-8EEF-897EDA475A1E}" dt="2023-03-23T02:03:40.327" v="1238" actId="1076"/>
          <ac:grpSpMkLst>
            <pc:docMk/>
            <pc:sldMk cId="3828507129" sldId="878"/>
            <ac:grpSpMk id="15" creationId="{6F4B4DC9-FE4B-B94A-EC41-E459468AFFED}"/>
          </ac:grpSpMkLst>
        </pc:grpChg>
        <pc:picChg chg="add del mod">
          <ac:chgData name="Aluffi, Pietro" userId="810df28b-0e6a-47dc-86dd-8f68aed2c426" providerId="ADAL" clId="{1A807C71-F309-C34E-8EEF-897EDA475A1E}" dt="2023-03-23T01:53:46.449" v="1009" actId="478"/>
          <ac:picMkLst>
            <pc:docMk/>
            <pc:sldMk cId="3828507129" sldId="878"/>
            <ac:picMk id="4" creationId="{A7063AB9-9EFD-4D75-4BDB-31548A7FED74}"/>
          </ac:picMkLst>
        </pc:picChg>
        <pc:picChg chg="add del mod">
          <ac:chgData name="Aluffi, Pietro" userId="810df28b-0e6a-47dc-86dd-8f68aed2c426" providerId="ADAL" clId="{1A807C71-F309-C34E-8EEF-897EDA475A1E}" dt="2023-03-23T01:56:46.967" v="1121" actId="478"/>
          <ac:picMkLst>
            <pc:docMk/>
            <pc:sldMk cId="3828507129" sldId="878"/>
            <ac:picMk id="8" creationId="{D75B6462-38B6-9359-7BBC-91064A364EBD}"/>
          </ac:picMkLst>
        </pc:picChg>
        <pc:picChg chg="add del mod">
          <ac:chgData name="Aluffi, Pietro" userId="810df28b-0e6a-47dc-86dd-8f68aed2c426" providerId="ADAL" clId="{1A807C71-F309-C34E-8EEF-897EDA475A1E}" dt="2023-03-23T01:57:13.035" v="1125" actId="478"/>
          <ac:picMkLst>
            <pc:docMk/>
            <pc:sldMk cId="3828507129" sldId="878"/>
            <ac:picMk id="10" creationId="{0258347B-EEB1-BF73-3BA7-A13A3E69A22B}"/>
          </ac:picMkLst>
        </pc:picChg>
        <pc:picChg chg="add del mod">
          <ac:chgData name="Aluffi, Pietro" userId="810df28b-0e6a-47dc-86dd-8f68aed2c426" providerId="ADAL" clId="{1A807C71-F309-C34E-8EEF-897EDA475A1E}" dt="2023-03-23T02:03:31.454" v="1235" actId="164"/>
          <ac:picMkLst>
            <pc:docMk/>
            <pc:sldMk cId="3828507129" sldId="878"/>
            <ac:picMk id="12" creationId="{1354E8FA-6CD5-8351-462E-877B16424816}"/>
          </ac:picMkLst>
        </pc:picChg>
        <pc:picChg chg="add mod">
          <ac:chgData name="Aluffi, Pietro" userId="810df28b-0e6a-47dc-86dd-8f68aed2c426" providerId="ADAL" clId="{1A807C71-F309-C34E-8EEF-897EDA475A1E}" dt="2023-03-23T02:03:31.454" v="1235" actId="164"/>
          <ac:picMkLst>
            <pc:docMk/>
            <pc:sldMk cId="3828507129" sldId="878"/>
            <ac:picMk id="14" creationId="{FF612BBF-5E51-F12D-B67C-C2924798AE16}"/>
          </ac:picMkLst>
        </pc:picChg>
      </pc:sldChg>
      <pc:sldChg chg="addSp delSp modSp add mod modTransition modNotesTx">
        <pc:chgData name="Aluffi, Pietro" userId="810df28b-0e6a-47dc-86dd-8f68aed2c426" providerId="ADAL" clId="{1A807C71-F309-C34E-8EEF-897EDA475A1E}" dt="2023-03-27T11:27:14.138" v="6640"/>
        <pc:sldMkLst>
          <pc:docMk/>
          <pc:sldMk cId="2357542863" sldId="879"/>
        </pc:sldMkLst>
        <pc:spChg chg="mod">
          <ac:chgData name="Aluffi, Pietro" userId="810df28b-0e6a-47dc-86dd-8f68aed2c426" providerId="ADAL" clId="{1A807C71-F309-C34E-8EEF-897EDA475A1E}" dt="2023-03-27T11:27:14.138" v="6640"/>
          <ac:spMkLst>
            <pc:docMk/>
            <pc:sldMk cId="2357542863" sldId="879"/>
            <ac:spMk id="2" creationId="{4EF9789A-4335-4577-AF25-1CB52F39AA43}"/>
          </ac:spMkLst>
        </pc:spChg>
        <pc:spChg chg="add mod">
          <ac:chgData name="Aluffi, Pietro" userId="810df28b-0e6a-47dc-86dd-8f68aed2c426" providerId="ADAL" clId="{1A807C71-F309-C34E-8EEF-897EDA475A1E}" dt="2023-03-23T02:09:30.355" v="1296" actId="692"/>
          <ac:spMkLst>
            <pc:docMk/>
            <pc:sldMk cId="2357542863" sldId="879"/>
            <ac:spMk id="5" creationId="{57A5B5E1-8B2B-C246-1689-84961CF0EAFC}"/>
          </ac:spMkLst>
        </pc:spChg>
        <pc:grpChg chg="add mod">
          <ac:chgData name="Aluffi, Pietro" userId="810df28b-0e6a-47dc-86dd-8f68aed2c426" providerId="ADAL" clId="{1A807C71-F309-C34E-8EEF-897EDA475A1E}" dt="2023-03-23T02:09:11.684" v="1293" actId="207"/>
          <ac:grpSpMkLst>
            <pc:docMk/>
            <pc:sldMk cId="2357542863" sldId="879"/>
            <ac:grpSpMk id="10" creationId="{9628E386-6AF7-E9EA-2E32-6E77BA013454}"/>
          </ac:grpSpMkLst>
        </pc:grpChg>
        <pc:grpChg chg="mod">
          <ac:chgData name="Aluffi, Pietro" userId="810df28b-0e6a-47dc-86dd-8f68aed2c426" providerId="ADAL" clId="{1A807C71-F309-C34E-8EEF-897EDA475A1E}" dt="2023-03-23T02:05:24.177" v="1245" actId="1076"/>
          <ac:grpSpMkLst>
            <pc:docMk/>
            <pc:sldMk cId="2357542863" sldId="879"/>
            <ac:grpSpMk id="15" creationId="{6F4B4DC9-FE4B-B94A-EC41-E459468AFFED}"/>
          </ac:grpSpMkLst>
        </pc:grpChg>
        <pc:picChg chg="add mod">
          <ac:chgData name="Aluffi, Pietro" userId="810df28b-0e6a-47dc-86dd-8f68aed2c426" providerId="ADAL" clId="{1A807C71-F309-C34E-8EEF-897EDA475A1E}" dt="2023-03-23T02:09:11.684" v="1293" actId="207"/>
          <ac:picMkLst>
            <pc:docMk/>
            <pc:sldMk cId="2357542863" sldId="879"/>
            <ac:picMk id="7" creationId="{484B0837-E878-C613-83DD-B29A3B5EBF31}"/>
          </ac:picMkLst>
        </pc:picChg>
        <pc:picChg chg="add mod">
          <ac:chgData name="Aluffi, Pietro" userId="810df28b-0e6a-47dc-86dd-8f68aed2c426" providerId="ADAL" clId="{1A807C71-F309-C34E-8EEF-897EDA475A1E}" dt="2023-03-23T02:09:11.684" v="1293" actId="207"/>
          <ac:picMkLst>
            <pc:docMk/>
            <pc:sldMk cId="2357542863" sldId="879"/>
            <ac:picMk id="9" creationId="{889C5914-DEBC-8D61-02A5-56C9948BA8D8}"/>
          </ac:picMkLst>
        </pc:picChg>
        <pc:cxnChg chg="add del">
          <ac:chgData name="Aluffi, Pietro" userId="810df28b-0e6a-47dc-86dd-8f68aed2c426" providerId="ADAL" clId="{1A807C71-F309-C34E-8EEF-897EDA475A1E}" dt="2023-03-23T02:05:32.308" v="1247" actId="478"/>
          <ac:cxnSpMkLst>
            <pc:docMk/>
            <pc:sldMk cId="2357542863" sldId="879"/>
            <ac:cxnSpMk id="4" creationId="{00D84C0C-14E6-B7E7-E80D-A78DA7B7941D}"/>
          </ac:cxnSpMkLst>
        </pc:cxnChg>
      </pc:sldChg>
      <pc:sldChg chg="addSp delSp modSp add mod ord modNotesTx">
        <pc:chgData name="Aluffi, Pietro" userId="810df28b-0e6a-47dc-86dd-8f68aed2c426" providerId="ADAL" clId="{1A807C71-F309-C34E-8EEF-897EDA475A1E}" dt="2023-03-27T11:05:58.807" v="6115" actId="1076"/>
        <pc:sldMkLst>
          <pc:docMk/>
          <pc:sldMk cId="1064657735" sldId="880"/>
        </pc:sldMkLst>
        <pc:spChg chg="mod">
          <ac:chgData name="Aluffi, Pietro" userId="810df28b-0e6a-47dc-86dd-8f68aed2c426" providerId="ADAL" clId="{1A807C71-F309-C34E-8EEF-897EDA475A1E}" dt="2023-03-24T11:02:22.306" v="1510" actId="313"/>
          <ac:spMkLst>
            <pc:docMk/>
            <pc:sldMk cId="1064657735" sldId="880"/>
            <ac:spMk id="2" creationId="{4EF9789A-4335-4577-AF25-1CB52F39AA43}"/>
          </ac:spMkLst>
        </pc:spChg>
        <pc:spChg chg="add mod">
          <ac:chgData name="Aluffi, Pietro" userId="810df28b-0e6a-47dc-86dd-8f68aed2c426" providerId="ADAL" clId="{1A807C71-F309-C34E-8EEF-897EDA475A1E}" dt="2023-03-27T11:05:54.976" v="6114" actId="122"/>
          <ac:spMkLst>
            <pc:docMk/>
            <pc:sldMk cId="1064657735" sldId="880"/>
            <ac:spMk id="3" creationId="{2F9AE451-C547-7D05-0F12-FF330FD05CB5}"/>
          </ac:spMkLst>
        </pc:spChg>
        <pc:spChg chg="add mod">
          <ac:chgData name="Aluffi, Pietro" userId="810df28b-0e6a-47dc-86dd-8f68aed2c426" providerId="ADAL" clId="{1A807C71-F309-C34E-8EEF-897EDA475A1E}" dt="2023-03-27T02:27:41.161" v="5917" actId="14100"/>
          <ac:spMkLst>
            <pc:docMk/>
            <pc:sldMk cId="1064657735" sldId="880"/>
            <ac:spMk id="5" creationId="{2A21FD5B-8EB8-6CD2-3648-2863141D7E95}"/>
          </ac:spMkLst>
        </pc:spChg>
        <pc:spChg chg="del">
          <ac:chgData name="Aluffi, Pietro" userId="810df28b-0e6a-47dc-86dd-8f68aed2c426" providerId="ADAL" clId="{1A807C71-F309-C34E-8EEF-897EDA475A1E}" dt="2023-03-24T11:02:03.859" v="1485" actId="478"/>
          <ac:spMkLst>
            <pc:docMk/>
            <pc:sldMk cId="1064657735" sldId="880"/>
            <ac:spMk id="5" creationId="{D695D6E8-C8B7-C1D4-C331-44BD5FDF85A3}"/>
          </ac:spMkLst>
        </pc:spChg>
        <pc:spChg chg="add mod">
          <ac:chgData name="Aluffi, Pietro" userId="810df28b-0e6a-47dc-86dd-8f68aed2c426" providerId="ADAL" clId="{1A807C71-F309-C34E-8EEF-897EDA475A1E}" dt="2023-03-27T02:28:00.562" v="5921" actId="14100"/>
          <ac:spMkLst>
            <pc:docMk/>
            <pc:sldMk cId="1064657735" sldId="880"/>
            <ac:spMk id="6" creationId="{93EF2796-C7CF-26A1-908D-C57EF611C9EC}"/>
          </ac:spMkLst>
        </pc:spChg>
        <pc:spChg chg="del">
          <ac:chgData name="Aluffi, Pietro" userId="810df28b-0e6a-47dc-86dd-8f68aed2c426" providerId="ADAL" clId="{1A807C71-F309-C34E-8EEF-897EDA475A1E}" dt="2023-03-24T11:02:25.888" v="1511" actId="478"/>
          <ac:spMkLst>
            <pc:docMk/>
            <pc:sldMk cId="1064657735" sldId="880"/>
            <ac:spMk id="6" creationId="{F152FE58-98D6-BE7A-D5ED-1227CAEE1F92}"/>
          </ac:spMkLst>
        </pc:spChg>
        <pc:spChg chg="mod topLvl">
          <ac:chgData name="Aluffi, Pietro" userId="810df28b-0e6a-47dc-86dd-8f68aed2c426" providerId="ADAL" clId="{1A807C71-F309-C34E-8EEF-897EDA475A1E}" dt="2023-03-24T11:19:53.281" v="2148" actId="165"/>
          <ac:spMkLst>
            <pc:docMk/>
            <pc:sldMk cId="1064657735" sldId="880"/>
            <ac:spMk id="17" creationId="{F29C211E-B489-1B63-7266-B8AE053AFC21}"/>
          </ac:spMkLst>
        </pc:spChg>
        <pc:spChg chg="del mod">
          <ac:chgData name="Aluffi, Pietro" userId="810df28b-0e6a-47dc-86dd-8f68aed2c426" providerId="ADAL" clId="{1A807C71-F309-C34E-8EEF-897EDA475A1E}" dt="2023-03-24T11:11:20.924" v="1529" actId="478"/>
          <ac:spMkLst>
            <pc:docMk/>
            <pc:sldMk cId="1064657735" sldId="880"/>
            <ac:spMk id="18" creationId="{C0D3262F-A5F6-BF2A-3709-7F06C4032623}"/>
          </ac:spMkLst>
        </pc:spChg>
        <pc:spChg chg="del mod topLvl">
          <ac:chgData name="Aluffi, Pietro" userId="810df28b-0e6a-47dc-86dd-8f68aed2c426" providerId="ADAL" clId="{1A807C71-F309-C34E-8EEF-897EDA475A1E}" dt="2023-03-24T11:11:24.107" v="1530" actId="478"/>
          <ac:spMkLst>
            <pc:docMk/>
            <pc:sldMk cId="1064657735" sldId="880"/>
            <ac:spMk id="19" creationId="{71580A7F-2320-BC15-3CC3-6121BE973A5E}"/>
          </ac:spMkLst>
        </pc:spChg>
        <pc:grpChg chg="add mod topLvl">
          <ac:chgData name="Aluffi, Pietro" userId="810df28b-0e6a-47dc-86dd-8f68aed2c426" providerId="ADAL" clId="{1A807C71-F309-C34E-8EEF-897EDA475A1E}" dt="2023-03-27T11:05:58.807" v="6115" actId="1076"/>
          <ac:grpSpMkLst>
            <pc:docMk/>
            <pc:sldMk cId="1064657735" sldId="880"/>
            <ac:grpSpMk id="9" creationId="{46317AA9-2F24-91C6-28EF-9D28EBDD6FDC}"/>
          </ac:grpSpMkLst>
        </pc:grpChg>
        <pc:grpChg chg="del mod">
          <ac:chgData name="Aluffi, Pietro" userId="810df28b-0e6a-47dc-86dd-8f68aed2c426" providerId="ADAL" clId="{1A807C71-F309-C34E-8EEF-897EDA475A1E}" dt="2023-03-24T11:11:24.107" v="1530" actId="478"/>
          <ac:grpSpMkLst>
            <pc:docMk/>
            <pc:sldMk cId="1064657735" sldId="880"/>
            <ac:grpSpMk id="16" creationId="{E73E2ED4-878C-D351-1802-1BE3F26D8481}"/>
          </ac:grpSpMkLst>
        </pc:grpChg>
        <pc:grpChg chg="add mod topLvl">
          <ac:chgData name="Aluffi, Pietro" userId="810df28b-0e6a-47dc-86dd-8f68aed2c426" providerId="ADAL" clId="{1A807C71-F309-C34E-8EEF-897EDA475A1E}" dt="2023-03-24T11:19:53.281" v="2148" actId="165"/>
          <ac:grpSpMkLst>
            <pc:docMk/>
            <pc:sldMk cId="1064657735" sldId="880"/>
            <ac:grpSpMk id="20" creationId="{2DD71371-3EA9-43BF-5F31-0F52A03A6AAB}"/>
          </ac:grpSpMkLst>
        </pc:grpChg>
        <pc:grpChg chg="add del mod">
          <ac:chgData name="Aluffi, Pietro" userId="810df28b-0e6a-47dc-86dd-8f68aed2c426" providerId="ADAL" clId="{1A807C71-F309-C34E-8EEF-897EDA475A1E}" dt="2023-03-24T11:19:53.281" v="2148" actId="165"/>
          <ac:grpSpMkLst>
            <pc:docMk/>
            <pc:sldMk cId="1064657735" sldId="880"/>
            <ac:grpSpMk id="23" creationId="{7A1E66A8-08C2-B921-708B-CF92C4EA8DF9}"/>
          </ac:grpSpMkLst>
        </pc:grpChg>
        <pc:picChg chg="add mod">
          <ac:chgData name="Aluffi, Pietro" userId="810df28b-0e6a-47dc-86dd-8f68aed2c426" providerId="ADAL" clId="{1A807C71-F309-C34E-8EEF-897EDA475A1E}" dt="2023-03-24T11:19:53.281" v="2148" actId="165"/>
          <ac:picMkLst>
            <pc:docMk/>
            <pc:sldMk cId="1064657735" sldId="880"/>
            <ac:picMk id="4" creationId="{8941435D-38C9-E7A0-0906-8C416DEDC8DB}"/>
          </ac:picMkLst>
        </pc:picChg>
        <pc:picChg chg="add mod">
          <ac:chgData name="Aluffi, Pietro" userId="810df28b-0e6a-47dc-86dd-8f68aed2c426" providerId="ADAL" clId="{1A807C71-F309-C34E-8EEF-897EDA475A1E}" dt="2023-03-24T11:19:53.281" v="2148" actId="165"/>
          <ac:picMkLst>
            <pc:docMk/>
            <pc:sldMk cId="1064657735" sldId="880"/>
            <ac:picMk id="8" creationId="{91332662-C9A3-42F3-4087-9BAF48574866}"/>
          </ac:picMkLst>
        </pc:picChg>
        <pc:picChg chg="add del mod">
          <ac:chgData name="Aluffi, Pietro" userId="810df28b-0e6a-47dc-86dd-8f68aed2c426" providerId="ADAL" clId="{1A807C71-F309-C34E-8EEF-897EDA475A1E}" dt="2023-03-24T11:11:19.116" v="1528" actId="27803"/>
          <ac:picMkLst>
            <pc:docMk/>
            <pc:sldMk cId="1064657735" sldId="880"/>
            <ac:picMk id="11" creationId="{B0019B38-C789-7785-1419-BBB519BE6DBA}"/>
          </ac:picMkLst>
        </pc:picChg>
        <pc:picChg chg="add del mod">
          <ac:chgData name="Aluffi, Pietro" userId="810df28b-0e6a-47dc-86dd-8f68aed2c426" providerId="ADAL" clId="{1A807C71-F309-C34E-8EEF-897EDA475A1E}" dt="2023-03-24T11:10:28.227" v="1525" actId="478"/>
          <ac:picMkLst>
            <pc:docMk/>
            <pc:sldMk cId="1064657735" sldId="880"/>
            <ac:picMk id="13" creationId="{6D706FFC-EEBF-980B-8486-9A30E4FC0E8E}"/>
          </ac:picMkLst>
        </pc:picChg>
        <pc:picChg chg="add mod">
          <ac:chgData name="Aluffi, Pietro" userId="810df28b-0e6a-47dc-86dd-8f68aed2c426" providerId="ADAL" clId="{1A807C71-F309-C34E-8EEF-897EDA475A1E}" dt="2023-03-24T11:19:53.281" v="2148" actId="165"/>
          <ac:picMkLst>
            <pc:docMk/>
            <pc:sldMk cId="1064657735" sldId="880"/>
            <ac:picMk id="15" creationId="{5004CAD7-5AF5-0A1A-550E-5A124A06C832}"/>
          </ac:picMkLst>
        </pc:picChg>
        <pc:picChg chg="add mod topLvl">
          <ac:chgData name="Aluffi, Pietro" userId="810df28b-0e6a-47dc-86dd-8f68aed2c426" providerId="ADAL" clId="{1A807C71-F309-C34E-8EEF-897EDA475A1E}" dt="2023-03-24T11:19:53.281" v="2148" actId="165"/>
          <ac:picMkLst>
            <pc:docMk/>
            <pc:sldMk cId="1064657735" sldId="880"/>
            <ac:picMk id="22" creationId="{6E40542F-1B6A-C053-B5D9-2BABC721F71F}"/>
          </ac:picMkLst>
        </pc:picChg>
      </pc:sldChg>
      <pc:sldChg chg="add del">
        <pc:chgData name="Aluffi, Pietro" userId="810df28b-0e6a-47dc-86dd-8f68aed2c426" providerId="ADAL" clId="{1A807C71-F309-C34E-8EEF-897EDA475A1E}" dt="2023-03-24T11:28:24.003" v="2289" actId="2696"/>
        <pc:sldMkLst>
          <pc:docMk/>
          <pc:sldMk cId="4253473068" sldId="881"/>
        </pc:sldMkLst>
      </pc:sldChg>
      <pc:sldChg chg="addSp delSp modSp add mod ord modTransition modNotesTx">
        <pc:chgData name="Aluffi, Pietro" userId="810df28b-0e6a-47dc-86dd-8f68aed2c426" providerId="ADAL" clId="{1A807C71-F309-C34E-8EEF-897EDA475A1E}" dt="2023-03-25T18:07:01.175" v="4649" actId="20577"/>
        <pc:sldMkLst>
          <pc:docMk/>
          <pc:sldMk cId="2815554177" sldId="882"/>
        </pc:sldMkLst>
        <pc:spChg chg="del">
          <ac:chgData name="Aluffi, Pietro" userId="810df28b-0e6a-47dc-86dd-8f68aed2c426" providerId="ADAL" clId="{1A807C71-F309-C34E-8EEF-897EDA475A1E}" dt="2023-03-24T11:16:58.580" v="1621" actId="478"/>
          <ac:spMkLst>
            <pc:docMk/>
            <pc:sldMk cId="2815554177" sldId="882"/>
            <ac:spMk id="2" creationId="{4EF9789A-4335-4577-AF25-1CB52F39AA43}"/>
          </ac:spMkLst>
        </pc:spChg>
        <pc:spChg chg="add del mod">
          <ac:chgData name="Aluffi, Pietro" userId="810df28b-0e6a-47dc-86dd-8f68aed2c426" providerId="ADAL" clId="{1A807C71-F309-C34E-8EEF-897EDA475A1E}" dt="2023-03-24T11:16:59.727" v="1622" actId="478"/>
          <ac:spMkLst>
            <pc:docMk/>
            <pc:sldMk cId="2815554177" sldId="882"/>
            <ac:spMk id="5" creationId="{63583BA2-AD68-6B23-8594-3B525A9A44E3}"/>
          </ac:spMkLst>
        </pc:spChg>
        <pc:spChg chg="add del mod">
          <ac:chgData name="Aluffi, Pietro" userId="810df28b-0e6a-47dc-86dd-8f68aed2c426" providerId="ADAL" clId="{1A807C71-F309-C34E-8EEF-897EDA475A1E}" dt="2023-03-24T11:19:34.633" v="2145" actId="478"/>
          <ac:spMkLst>
            <pc:docMk/>
            <pc:sldMk cId="2815554177" sldId="882"/>
            <ac:spMk id="6" creationId="{829E65F8-B9B8-E486-0FB9-604ED4A911DD}"/>
          </ac:spMkLst>
        </pc:spChg>
        <pc:spChg chg="mod">
          <ac:chgData name="Aluffi, Pietro" userId="810df28b-0e6a-47dc-86dd-8f68aed2c426" providerId="ADAL" clId="{1A807C71-F309-C34E-8EEF-897EDA475A1E}" dt="2023-03-24T11:20:28.219" v="2154"/>
          <ac:spMkLst>
            <pc:docMk/>
            <pc:sldMk cId="2815554177" sldId="882"/>
            <ac:spMk id="13" creationId="{58933601-C054-4D16-03E2-F8D92EAF0DEB}"/>
          </ac:spMkLst>
        </pc:spChg>
        <pc:spChg chg="mod">
          <ac:chgData name="Aluffi, Pietro" userId="810df28b-0e6a-47dc-86dd-8f68aed2c426" providerId="ADAL" clId="{1A807C71-F309-C34E-8EEF-897EDA475A1E}" dt="2023-03-24T11:17:18.337" v="1625" actId="165"/>
          <ac:spMkLst>
            <pc:docMk/>
            <pc:sldMk cId="2815554177" sldId="882"/>
            <ac:spMk id="17" creationId="{F29C211E-B489-1B63-7266-B8AE053AFC21}"/>
          </ac:spMkLst>
        </pc:spChg>
        <pc:spChg chg="add mod">
          <ac:chgData name="Aluffi, Pietro" userId="810df28b-0e6a-47dc-86dd-8f68aed2c426" providerId="ADAL" clId="{1A807C71-F309-C34E-8EEF-897EDA475A1E}" dt="2023-03-24T11:21:33.224" v="2255" actId="207"/>
          <ac:spMkLst>
            <pc:docMk/>
            <pc:sldMk cId="2815554177" sldId="882"/>
            <ac:spMk id="18" creationId="{82D9AC9B-E71C-3734-1631-2637F4118F38}"/>
          </ac:spMkLst>
        </pc:spChg>
        <pc:spChg chg="add del mod">
          <ac:chgData name="Aluffi, Pietro" userId="810df28b-0e6a-47dc-86dd-8f68aed2c426" providerId="ADAL" clId="{1A807C71-F309-C34E-8EEF-897EDA475A1E}" dt="2023-03-24T11:25:58.694" v="2277"/>
          <ac:spMkLst>
            <pc:docMk/>
            <pc:sldMk cId="2815554177" sldId="882"/>
            <ac:spMk id="19" creationId="{63E319F1-A430-87A1-803B-CBE928E27A04}"/>
          </ac:spMkLst>
        </pc:spChg>
        <pc:spChg chg="add del mod">
          <ac:chgData name="Aluffi, Pietro" userId="810df28b-0e6a-47dc-86dd-8f68aed2c426" providerId="ADAL" clId="{1A807C71-F309-C34E-8EEF-897EDA475A1E}" dt="2023-03-24T11:26:12.150" v="2281" actId="22"/>
          <ac:spMkLst>
            <pc:docMk/>
            <pc:sldMk cId="2815554177" sldId="882"/>
            <ac:spMk id="24" creationId="{CC6DEC85-8D4D-6628-8F3F-4CFE1909D1C3}"/>
          </ac:spMkLst>
        </pc:spChg>
        <pc:spChg chg="add mod">
          <ac:chgData name="Aluffi, Pietro" userId="810df28b-0e6a-47dc-86dd-8f68aed2c426" providerId="ADAL" clId="{1A807C71-F309-C34E-8EEF-897EDA475A1E}" dt="2023-03-24T14:08:30.647" v="2533" actId="1076"/>
          <ac:spMkLst>
            <pc:docMk/>
            <pc:sldMk cId="2815554177" sldId="882"/>
            <ac:spMk id="26" creationId="{003AD222-7859-9F79-B985-55DD27E8DE58}"/>
          </ac:spMkLst>
        </pc:spChg>
        <pc:spChg chg="add mod">
          <ac:chgData name="Aluffi, Pietro" userId="810df28b-0e6a-47dc-86dd-8f68aed2c426" providerId="ADAL" clId="{1A807C71-F309-C34E-8EEF-897EDA475A1E}" dt="2023-03-24T14:08:27.847" v="2532" actId="14100"/>
          <ac:spMkLst>
            <pc:docMk/>
            <pc:sldMk cId="2815554177" sldId="882"/>
            <ac:spMk id="28" creationId="{90EA4F3B-2A9A-7E10-13E0-96E0914B7037}"/>
          </ac:spMkLst>
        </pc:spChg>
        <pc:spChg chg="add mod">
          <ac:chgData name="Aluffi, Pietro" userId="810df28b-0e6a-47dc-86dd-8f68aed2c426" providerId="ADAL" clId="{1A807C71-F309-C34E-8EEF-897EDA475A1E}" dt="2023-03-24T14:08:15.466" v="2529" actId="1076"/>
          <ac:spMkLst>
            <pc:docMk/>
            <pc:sldMk cId="2815554177" sldId="882"/>
            <ac:spMk id="29" creationId="{20A298E1-2998-D2B3-0005-CC9C292AECE2}"/>
          </ac:spMkLst>
        </pc:spChg>
        <pc:spChg chg="add del mod">
          <ac:chgData name="Aluffi, Pietro" userId="810df28b-0e6a-47dc-86dd-8f68aed2c426" providerId="ADAL" clId="{1A807C71-F309-C34E-8EEF-897EDA475A1E}" dt="2023-03-24T14:08:12.851" v="2528" actId="478"/>
          <ac:spMkLst>
            <pc:docMk/>
            <pc:sldMk cId="2815554177" sldId="882"/>
            <ac:spMk id="30" creationId="{B1D7A06A-4A9C-7117-9945-120C3602AAAF}"/>
          </ac:spMkLst>
        </pc:spChg>
        <pc:spChg chg="add mod">
          <ac:chgData name="Aluffi, Pietro" userId="810df28b-0e6a-47dc-86dd-8f68aed2c426" providerId="ADAL" clId="{1A807C71-F309-C34E-8EEF-897EDA475A1E}" dt="2023-03-24T14:08:18.697" v="2530" actId="1076"/>
          <ac:spMkLst>
            <pc:docMk/>
            <pc:sldMk cId="2815554177" sldId="882"/>
            <ac:spMk id="31" creationId="{4C09FEF8-10A8-1EF6-692E-B7822B1191B8}"/>
          </ac:spMkLst>
        </pc:spChg>
        <pc:spChg chg="add mod">
          <ac:chgData name="Aluffi, Pietro" userId="810df28b-0e6a-47dc-86dd-8f68aed2c426" providerId="ADAL" clId="{1A807C71-F309-C34E-8EEF-897EDA475A1E}" dt="2023-03-24T14:08:10.540" v="2527" actId="1076"/>
          <ac:spMkLst>
            <pc:docMk/>
            <pc:sldMk cId="2815554177" sldId="882"/>
            <ac:spMk id="32" creationId="{C5CE969C-569F-D82D-AF3F-75A212F9C26D}"/>
          </ac:spMkLst>
        </pc:spChg>
        <pc:grpChg chg="add mod">
          <ac:chgData name="Aluffi, Pietro" userId="810df28b-0e6a-47dc-86dd-8f68aed2c426" providerId="ADAL" clId="{1A807C71-F309-C34E-8EEF-897EDA475A1E}" dt="2023-03-24T11:20:23.159" v="2153" actId="1076"/>
          <ac:grpSpMkLst>
            <pc:docMk/>
            <pc:sldMk cId="2815554177" sldId="882"/>
            <ac:grpSpMk id="7" creationId="{470EAAF8-BF12-4511-4216-8EE92571C642}"/>
          </ac:grpSpMkLst>
        </pc:grpChg>
        <pc:grpChg chg="del mod topLvl">
          <ac:chgData name="Aluffi, Pietro" userId="810df28b-0e6a-47dc-86dd-8f68aed2c426" providerId="ADAL" clId="{1A807C71-F309-C34E-8EEF-897EDA475A1E}" dt="2023-03-24T11:19:58.593" v="2150" actId="478"/>
          <ac:grpSpMkLst>
            <pc:docMk/>
            <pc:sldMk cId="2815554177" sldId="882"/>
            <ac:grpSpMk id="9" creationId="{46317AA9-2F24-91C6-28EF-9D28EBDD6FDC}"/>
          </ac:grpSpMkLst>
        </pc:grpChg>
        <pc:grpChg chg="add mod">
          <ac:chgData name="Aluffi, Pietro" userId="810df28b-0e6a-47dc-86dd-8f68aed2c426" providerId="ADAL" clId="{1A807C71-F309-C34E-8EEF-897EDA475A1E}" dt="2023-03-24T11:21:04.889" v="2162" actId="1076"/>
          <ac:grpSpMkLst>
            <pc:docMk/>
            <pc:sldMk cId="2815554177" sldId="882"/>
            <ac:grpSpMk id="12" creationId="{7DE99734-48A9-74A0-A296-3B2A8326AA31}"/>
          </ac:grpSpMkLst>
        </pc:grpChg>
        <pc:grpChg chg="del mod topLvl">
          <ac:chgData name="Aluffi, Pietro" userId="810df28b-0e6a-47dc-86dd-8f68aed2c426" providerId="ADAL" clId="{1A807C71-F309-C34E-8EEF-897EDA475A1E}" dt="2023-03-24T11:19:37.685" v="2146" actId="478"/>
          <ac:grpSpMkLst>
            <pc:docMk/>
            <pc:sldMk cId="2815554177" sldId="882"/>
            <ac:grpSpMk id="20" creationId="{2DD71371-3EA9-43BF-5F31-0F52A03A6AAB}"/>
          </ac:grpSpMkLst>
        </pc:grpChg>
        <pc:grpChg chg="del mod">
          <ac:chgData name="Aluffi, Pietro" userId="810df28b-0e6a-47dc-86dd-8f68aed2c426" providerId="ADAL" clId="{1A807C71-F309-C34E-8EEF-897EDA475A1E}" dt="2023-03-24T11:17:18.337" v="1625" actId="165"/>
          <ac:grpSpMkLst>
            <pc:docMk/>
            <pc:sldMk cId="2815554177" sldId="882"/>
            <ac:grpSpMk id="23" creationId="{7A1E66A8-08C2-B921-708B-CF92C4EA8DF9}"/>
          </ac:grpSpMkLst>
        </pc:grpChg>
        <pc:grpChg chg="add mod">
          <ac:chgData name="Aluffi, Pietro" userId="810df28b-0e6a-47dc-86dd-8f68aed2c426" providerId="ADAL" clId="{1A807C71-F309-C34E-8EEF-897EDA475A1E}" dt="2023-03-24T14:08:30.647" v="2533" actId="1076"/>
          <ac:grpSpMkLst>
            <pc:docMk/>
            <pc:sldMk cId="2815554177" sldId="882"/>
            <ac:grpSpMk id="27" creationId="{2CA729F1-43CD-63E7-CDE9-F0CF76072707}"/>
          </ac:grpSpMkLst>
        </pc:grpChg>
        <pc:picChg chg="mod">
          <ac:chgData name="Aluffi, Pietro" userId="810df28b-0e6a-47dc-86dd-8f68aed2c426" providerId="ADAL" clId="{1A807C71-F309-C34E-8EEF-897EDA475A1E}" dt="2023-03-24T11:17:18.337" v="1625" actId="165"/>
          <ac:picMkLst>
            <pc:docMk/>
            <pc:sldMk cId="2815554177" sldId="882"/>
            <ac:picMk id="4" creationId="{8941435D-38C9-E7A0-0906-8C416DEDC8DB}"/>
          </ac:picMkLst>
        </pc:picChg>
        <pc:picChg chg="mod">
          <ac:chgData name="Aluffi, Pietro" userId="810df28b-0e6a-47dc-86dd-8f68aed2c426" providerId="ADAL" clId="{1A807C71-F309-C34E-8EEF-897EDA475A1E}" dt="2023-03-24T11:17:18.337" v="1625" actId="165"/>
          <ac:picMkLst>
            <pc:docMk/>
            <pc:sldMk cId="2815554177" sldId="882"/>
            <ac:picMk id="8" creationId="{91332662-C9A3-42F3-4087-9BAF48574866}"/>
          </ac:picMkLst>
        </pc:picChg>
        <pc:picChg chg="mod">
          <ac:chgData name="Aluffi, Pietro" userId="810df28b-0e6a-47dc-86dd-8f68aed2c426" providerId="ADAL" clId="{1A807C71-F309-C34E-8EEF-897EDA475A1E}" dt="2023-03-24T11:19:57.067" v="2149"/>
          <ac:picMkLst>
            <pc:docMk/>
            <pc:sldMk cId="2815554177" sldId="882"/>
            <ac:picMk id="10" creationId="{4B3DE6AC-D7E2-5E18-62AB-54612C67042E}"/>
          </ac:picMkLst>
        </pc:picChg>
        <pc:picChg chg="mod">
          <ac:chgData name="Aluffi, Pietro" userId="810df28b-0e6a-47dc-86dd-8f68aed2c426" providerId="ADAL" clId="{1A807C71-F309-C34E-8EEF-897EDA475A1E}" dt="2023-03-24T11:19:57.067" v="2149"/>
          <ac:picMkLst>
            <pc:docMk/>
            <pc:sldMk cId="2815554177" sldId="882"/>
            <ac:picMk id="11" creationId="{E086A43A-EE62-031F-7F2A-1D333D18E2EC}"/>
          </ac:picMkLst>
        </pc:picChg>
        <pc:picChg chg="mod">
          <ac:chgData name="Aluffi, Pietro" userId="810df28b-0e6a-47dc-86dd-8f68aed2c426" providerId="ADAL" clId="{1A807C71-F309-C34E-8EEF-897EDA475A1E}" dt="2023-03-24T11:20:28.219" v="2154"/>
          <ac:picMkLst>
            <pc:docMk/>
            <pc:sldMk cId="2815554177" sldId="882"/>
            <ac:picMk id="14" creationId="{D30E50E9-61CB-CAD1-7458-8C2C2FE3D712}"/>
          </ac:picMkLst>
        </pc:picChg>
        <pc:picChg chg="mod">
          <ac:chgData name="Aluffi, Pietro" userId="810df28b-0e6a-47dc-86dd-8f68aed2c426" providerId="ADAL" clId="{1A807C71-F309-C34E-8EEF-897EDA475A1E}" dt="2023-03-24T11:17:18.337" v="1625" actId="165"/>
          <ac:picMkLst>
            <pc:docMk/>
            <pc:sldMk cId="2815554177" sldId="882"/>
            <ac:picMk id="15" creationId="{5004CAD7-5AF5-0A1A-550E-5A124A06C832}"/>
          </ac:picMkLst>
        </pc:picChg>
        <pc:picChg chg="add mod">
          <ac:chgData name="Aluffi, Pietro" userId="810df28b-0e6a-47dc-86dd-8f68aed2c426" providerId="ADAL" clId="{1A807C71-F309-C34E-8EEF-897EDA475A1E}" dt="2023-03-24T11:20:45.274" v="2157" actId="1076"/>
          <ac:picMkLst>
            <pc:docMk/>
            <pc:sldMk cId="2815554177" sldId="882"/>
            <ac:picMk id="16" creationId="{E4A24EF2-4128-9155-44F8-B6AEDC58DC06}"/>
          </ac:picMkLst>
        </pc:picChg>
        <pc:picChg chg="del mod topLvl">
          <ac:chgData name="Aluffi, Pietro" userId="810df28b-0e6a-47dc-86dd-8f68aed2c426" providerId="ADAL" clId="{1A807C71-F309-C34E-8EEF-897EDA475A1E}" dt="2023-03-24T11:19:38.547" v="2147" actId="478"/>
          <ac:picMkLst>
            <pc:docMk/>
            <pc:sldMk cId="2815554177" sldId="882"/>
            <ac:picMk id="22" creationId="{6E40542F-1B6A-C053-B5D9-2BABC721F71F}"/>
          </ac:picMkLst>
        </pc:picChg>
        <pc:picChg chg="add mod">
          <ac:chgData name="Aluffi, Pietro" userId="810df28b-0e6a-47dc-86dd-8f68aed2c426" providerId="ADAL" clId="{1A807C71-F309-C34E-8EEF-897EDA475A1E}" dt="2023-03-24T14:08:30.647" v="2533" actId="1076"/>
          <ac:picMkLst>
            <pc:docMk/>
            <pc:sldMk cId="2815554177" sldId="882"/>
            <ac:picMk id="1026" creationId="{8F833F63-649A-21FC-A9E6-9839BE015042}"/>
          </ac:picMkLst>
        </pc:picChg>
      </pc:sldChg>
      <pc:sldChg chg="addSp modSp add mod ord modNotesTx">
        <pc:chgData name="Aluffi, Pietro" userId="810df28b-0e6a-47dc-86dd-8f68aed2c426" providerId="ADAL" clId="{1A807C71-F309-C34E-8EEF-897EDA475A1E}" dt="2023-03-27T18:21:13.380" v="8589"/>
        <pc:sldMkLst>
          <pc:docMk/>
          <pc:sldMk cId="2553838569" sldId="883"/>
        </pc:sldMkLst>
        <pc:spChg chg="add mod">
          <ac:chgData name="Aluffi, Pietro" userId="810df28b-0e6a-47dc-86dd-8f68aed2c426" providerId="ADAL" clId="{1A807C71-F309-C34E-8EEF-897EDA475A1E}" dt="2023-03-24T11:24:24.919" v="2265" actId="14100"/>
          <ac:spMkLst>
            <pc:docMk/>
            <pc:sldMk cId="2553838569" sldId="883"/>
            <ac:spMk id="2" creationId="{51454A2F-F2E9-5834-5380-01BC61483FB3}"/>
          </ac:spMkLst>
        </pc:spChg>
        <pc:spChg chg="add mod">
          <ac:chgData name="Aluffi, Pietro" userId="810df28b-0e6a-47dc-86dd-8f68aed2c426" providerId="ADAL" clId="{1A807C71-F309-C34E-8EEF-897EDA475A1E}" dt="2023-03-27T02:29:06.389" v="5952" actId="122"/>
          <ac:spMkLst>
            <pc:docMk/>
            <pc:sldMk cId="2553838569" sldId="883"/>
            <ac:spMk id="3" creationId="{9C6CD9D1-836B-ED31-D46D-93E0425F950E}"/>
          </ac:spMkLst>
        </pc:spChg>
        <pc:spChg chg="add mod">
          <ac:chgData name="Aluffi, Pietro" userId="810df28b-0e6a-47dc-86dd-8f68aed2c426" providerId="ADAL" clId="{1A807C71-F309-C34E-8EEF-897EDA475A1E}" dt="2023-03-27T02:29:03.255" v="5951" actId="122"/>
          <ac:spMkLst>
            <pc:docMk/>
            <pc:sldMk cId="2553838569" sldId="883"/>
            <ac:spMk id="5" creationId="{CD687E7A-EEE5-5C30-86F4-C63E1CC16792}"/>
          </ac:spMkLst>
        </pc:spChg>
        <pc:spChg chg="add mod">
          <ac:chgData name="Aluffi, Pietro" userId="810df28b-0e6a-47dc-86dd-8f68aed2c426" providerId="ADAL" clId="{1A807C71-F309-C34E-8EEF-897EDA475A1E}" dt="2023-03-27T02:29:10.622" v="5953" actId="122"/>
          <ac:spMkLst>
            <pc:docMk/>
            <pc:sldMk cId="2553838569" sldId="883"/>
            <ac:spMk id="8" creationId="{7CF8FD3F-2E0F-03B1-E045-AC623DBEEE63}"/>
          </ac:spMkLst>
        </pc:spChg>
        <pc:spChg chg="mod">
          <ac:chgData name="Aluffi, Pietro" userId="810df28b-0e6a-47dc-86dd-8f68aed2c426" providerId="ADAL" clId="{1A807C71-F309-C34E-8EEF-897EDA475A1E}" dt="2023-03-24T11:22:06.707" v="2259" actId="14100"/>
          <ac:spMkLst>
            <pc:docMk/>
            <pc:sldMk cId="2553838569" sldId="883"/>
            <ac:spMk id="18" creationId="{82D9AC9B-E71C-3734-1631-2637F4118F38}"/>
          </ac:spMkLst>
        </pc:spChg>
        <pc:picChg chg="add mod">
          <ac:chgData name="Aluffi, Pietro" userId="810df28b-0e6a-47dc-86dd-8f68aed2c426" providerId="ADAL" clId="{1A807C71-F309-C34E-8EEF-897EDA475A1E}" dt="2023-03-24T11:55:13.584" v="2308" actId="1076"/>
          <ac:picMkLst>
            <pc:docMk/>
            <pc:sldMk cId="2553838569" sldId="883"/>
            <ac:picMk id="4" creationId="{7A9EB45D-9D09-F265-E6B5-F8CD0BC3F289}"/>
          </ac:picMkLst>
        </pc:picChg>
        <pc:picChg chg="add mod">
          <ac:chgData name="Aluffi, Pietro" userId="810df28b-0e6a-47dc-86dd-8f68aed2c426" providerId="ADAL" clId="{1A807C71-F309-C34E-8EEF-897EDA475A1E}" dt="2023-03-24T14:09:26.167" v="2536" actId="1076"/>
          <ac:picMkLst>
            <pc:docMk/>
            <pc:sldMk cId="2553838569" sldId="883"/>
            <ac:picMk id="6" creationId="{EEC25863-74E0-9195-557C-6ED244B205B6}"/>
          </ac:picMkLst>
        </pc:picChg>
        <pc:picChg chg="add mod">
          <ac:chgData name="Aluffi, Pietro" userId="810df28b-0e6a-47dc-86dd-8f68aed2c426" providerId="ADAL" clId="{1A807C71-F309-C34E-8EEF-897EDA475A1E}" dt="2023-03-24T14:31:53.348" v="2619" actId="1076"/>
          <ac:picMkLst>
            <pc:docMk/>
            <pc:sldMk cId="2553838569" sldId="883"/>
            <ac:picMk id="9" creationId="{4DE0CAA0-BD77-17AB-5567-BB7054E2B8E9}"/>
          </ac:picMkLst>
        </pc:picChg>
      </pc:sldChg>
      <pc:sldChg chg="addSp delSp modSp add mod ord modNotesTx">
        <pc:chgData name="Aluffi, Pietro" userId="810df28b-0e6a-47dc-86dd-8f68aed2c426" providerId="ADAL" clId="{1A807C71-F309-C34E-8EEF-897EDA475A1E}" dt="2023-03-27T02:30:21.003" v="6005" actId="122"/>
        <pc:sldMkLst>
          <pc:docMk/>
          <pc:sldMk cId="1427525712" sldId="884"/>
        </pc:sldMkLst>
        <pc:spChg chg="add mod">
          <ac:chgData name="Aluffi, Pietro" userId="810df28b-0e6a-47dc-86dd-8f68aed2c426" providerId="ADAL" clId="{1A807C71-F309-C34E-8EEF-897EDA475A1E}" dt="2023-03-27T02:30:21.003" v="6005" actId="122"/>
          <ac:spMkLst>
            <pc:docMk/>
            <pc:sldMk cId="1427525712" sldId="884"/>
            <ac:spMk id="2" creationId="{E1D9C054-6AAA-9A35-5A37-F5B654C5D79A}"/>
          </ac:spMkLst>
        </pc:spChg>
        <pc:spChg chg="add mod">
          <ac:chgData name="Aluffi, Pietro" userId="810df28b-0e6a-47dc-86dd-8f68aed2c426" providerId="ADAL" clId="{1A807C71-F309-C34E-8EEF-897EDA475A1E}" dt="2023-03-27T02:30:13.928" v="6003" actId="122"/>
          <ac:spMkLst>
            <pc:docMk/>
            <pc:sldMk cId="1427525712" sldId="884"/>
            <ac:spMk id="3" creationId="{A594F6CA-7890-868D-037E-3CFBBB2A8519}"/>
          </ac:spMkLst>
        </pc:spChg>
        <pc:spChg chg="add mod">
          <ac:chgData name="Aluffi, Pietro" userId="810df28b-0e6a-47dc-86dd-8f68aed2c426" providerId="ADAL" clId="{1A807C71-F309-C34E-8EEF-897EDA475A1E}" dt="2023-03-27T02:30:09.990" v="6002" actId="122"/>
          <ac:spMkLst>
            <pc:docMk/>
            <pc:sldMk cId="1427525712" sldId="884"/>
            <ac:spMk id="4" creationId="{477928DB-64A5-643D-8A50-FA05FC4ACCB7}"/>
          </ac:spMkLst>
        </pc:spChg>
        <pc:spChg chg="mod">
          <ac:chgData name="Aluffi, Pietro" userId="810df28b-0e6a-47dc-86dd-8f68aed2c426" providerId="ADAL" clId="{1A807C71-F309-C34E-8EEF-897EDA475A1E}" dt="2023-03-24T11:22:35.455" v="2264" actId="1076"/>
          <ac:spMkLst>
            <pc:docMk/>
            <pc:sldMk cId="1427525712" sldId="884"/>
            <ac:spMk id="18" creationId="{82D9AC9B-E71C-3734-1631-2637F4118F38}"/>
          </ac:spMkLst>
        </pc:spChg>
        <pc:picChg chg="add del">
          <ac:chgData name="Aluffi, Pietro" userId="810df28b-0e6a-47dc-86dd-8f68aed2c426" providerId="ADAL" clId="{1A807C71-F309-C34E-8EEF-897EDA475A1E}" dt="2023-03-24T14:22:32.481" v="2567" actId="478"/>
          <ac:picMkLst>
            <pc:docMk/>
            <pc:sldMk cId="1427525712" sldId="884"/>
            <ac:picMk id="3" creationId="{8362B9F1-C487-A713-5779-BB7C36B7F60F}"/>
          </ac:picMkLst>
        </pc:picChg>
        <pc:picChg chg="add mod">
          <ac:chgData name="Aluffi, Pietro" userId="810df28b-0e6a-47dc-86dd-8f68aed2c426" providerId="ADAL" clId="{1A807C71-F309-C34E-8EEF-897EDA475A1E}" dt="2023-03-24T14:32:10.513" v="2624" actId="1076"/>
          <ac:picMkLst>
            <pc:docMk/>
            <pc:sldMk cId="1427525712" sldId="884"/>
            <ac:picMk id="5" creationId="{3D35BB58-A19B-169A-EB9D-E6059D64A913}"/>
          </ac:picMkLst>
        </pc:picChg>
        <pc:picChg chg="add mod">
          <ac:chgData name="Aluffi, Pietro" userId="810df28b-0e6a-47dc-86dd-8f68aed2c426" providerId="ADAL" clId="{1A807C71-F309-C34E-8EEF-897EDA475A1E}" dt="2023-03-24T14:32:18.546" v="2626" actId="1076"/>
          <ac:picMkLst>
            <pc:docMk/>
            <pc:sldMk cId="1427525712" sldId="884"/>
            <ac:picMk id="8" creationId="{2E957B12-DA24-EE0D-816D-DA68608DBAA6}"/>
          </ac:picMkLst>
        </pc:picChg>
        <pc:picChg chg="add mod">
          <ac:chgData name="Aluffi, Pietro" userId="810df28b-0e6a-47dc-86dd-8f68aed2c426" providerId="ADAL" clId="{1A807C71-F309-C34E-8EEF-897EDA475A1E}" dt="2023-03-24T14:32:20.846" v="2627" actId="1076"/>
          <ac:picMkLst>
            <pc:docMk/>
            <pc:sldMk cId="1427525712" sldId="884"/>
            <ac:picMk id="15" creationId="{2114F6C2-2089-084F-7F37-08E3DA90A3B2}"/>
          </ac:picMkLst>
        </pc:picChg>
      </pc:sldChg>
      <pc:sldChg chg="addSp delSp modSp add del mod modTransition modNotesTx">
        <pc:chgData name="Aluffi, Pietro" userId="810df28b-0e6a-47dc-86dd-8f68aed2c426" providerId="ADAL" clId="{1A807C71-F309-C34E-8EEF-897EDA475A1E}" dt="2023-03-24T15:01:24.249" v="2913" actId="2696"/>
        <pc:sldMkLst>
          <pc:docMk/>
          <pc:sldMk cId="271509471" sldId="885"/>
        </pc:sldMkLst>
        <pc:spChg chg="add del mod">
          <ac:chgData name="Aluffi, Pietro" userId="810df28b-0e6a-47dc-86dd-8f68aed2c426" providerId="ADAL" clId="{1A807C71-F309-C34E-8EEF-897EDA475A1E}" dt="2023-03-24T14:54:47.439" v="2842" actId="478"/>
          <ac:spMkLst>
            <pc:docMk/>
            <pc:sldMk cId="271509471" sldId="885"/>
            <ac:spMk id="4" creationId="{A3302F69-24F4-3205-529D-44DDF46BC48E}"/>
          </ac:spMkLst>
        </pc:spChg>
        <pc:spChg chg="add mod">
          <ac:chgData name="Aluffi, Pietro" userId="810df28b-0e6a-47dc-86dd-8f68aed2c426" providerId="ADAL" clId="{1A807C71-F309-C34E-8EEF-897EDA475A1E}" dt="2023-03-24T14:55:29.463" v="2850" actId="1076"/>
          <ac:spMkLst>
            <pc:docMk/>
            <pc:sldMk cId="271509471" sldId="885"/>
            <ac:spMk id="5" creationId="{B84352C6-E3B8-4BFA-E42A-7F4C0A471414}"/>
          </ac:spMkLst>
        </pc:spChg>
        <pc:spChg chg="add mod">
          <ac:chgData name="Aluffi, Pietro" userId="810df28b-0e6a-47dc-86dd-8f68aed2c426" providerId="ADAL" clId="{1A807C71-F309-C34E-8EEF-897EDA475A1E}" dt="2023-03-24T14:55:55.129" v="2854" actId="1076"/>
          <ac:spMkLst>
            <pc:docMk/>
            <pc:sldMk cId="271509471" sldId="885"/>
            <ac:spMk id="7" creationId="{CFA745B5-2135-C6B6-1E13-DC57D2D9CD64}"/>
          </ac:spMkLst>
        </pc:spChg>
        <pc:spChg chg="add mod">
          <ac:chgData name="Aluffi, Pietro" userId="810df28b-0e6a-47dc-86dd-8f68aed2c426" providerId="ADAL" clId="{1A807C71-F309-C34E-8EEF-897EDA475A1E}" dt="2023-03-24T14:56:00.945" v="2855" actId="1076"/>
          <ac:spMkLst>
            <pc:docMk/>
            <pc:sldMk cId="271509471" sldId="885"/>
            <ac:spMk id="8" creationId="{02EEDD3E-6018-E268-5B20-5AD06852A8DD}"/>
          </ac:spMkLst>
        </pc:spChg>
        <pc:spChg chg="add mod">
          <ac:chgData name="Aluffi, Pietro" userId="810df28b-0e6a-47dc-86dd-8f68aed2c426" providerId="ADAL" clId="{1A807C71-F309-C34E-8EEF-897EDA475A1E}" dt="2023-03-24T14:56:04.376" v="2856" actId="1076"/>
          <ac:spMkLst>
            <pc:docMk/>
            <pc:sldMk cId="271509471" sldId="885"/>
            <ac:spMk id="9" creationId="{E29518E3-A37A-EBF6-5820-02FD2D47D353}"/>
          </ac:spMkLst>
        </pc:spChg>
        <pc:spChg chg="add del mod">
          <ac:chgData name="Aluffi, Pietro" userId="810df28b-0e6a-47dc-86dd-8f68aed2c426" providerId="ADAL" clId="{1A807C71-F309-C34E-8EEF-897EDA475A1E}" dt="2023-03-24T14:56:25.106" v="2859" actId="478"/>
          <ac:spMkLst>
            <pc:docMk/>
            <pc:sldMk cId="271509471" sldId="885"/>
            <ac:spMk id="10" creationId="{09900C55-95FA-1A21-B932-7B8424987DA0}"/>
          </ac:spMkLst>
        </pc:spChg>
        <pc:spChg chg="mod">
          <ac:chgData name="Aluffi, Pietro" userId="810df28b-0e6a-47dc-86dd-8f68aed2c426" providerId="ADAL" clId="{1A807C71-F309-C34E-8EEF-897EDA475A1E}" dt="2023-03-24T14:51:12.660" v="2747" actId="1076"/>
          <ac:spMkLst>
            <pc:docMk/>
            <pc:sldMk cId="271509471" sldId="885"/>
            <ac:spMk id="12" creationId="{68A0A4E5-877A-24DE-87BB-5809885FC7C9}"/>
          </ac:spMkLst>
        </pc:spChg>
        <pc:spChg chg="add mod">
          <ac:chgData name="Aluffi, Pietro" userId="810df28b-0e6a-47dc-86dd-8f68aed2c426" providerId="ADAL" clId="{1A807C71-F309-C34E-8EEF-897EDA475A1E}" dt="2023-03-24T14:56:54.054" v="2867" actId="207"/>
          <ac:spMkLst>
            <pc:docMk/>
            <pc:sldMk cId="271509471" sldId="885"/>
            <ac:spMk id="13" creationId="{8064B78E-7C0D-A2C8-1142-199A45DC71C8}"/>
          </ac:spMkLst>
        </pc:spChg>
        <pc:spChg chg="del">
          <ac:chgData name="Aluffi, Pietro" userId="810df28b-0e6a-47dc-86dd-8f68aed2c426" providerId="ADAL" clId="{1A807C71-F309-C34E-8EEF-897EDA475A1E}" dt="2023-03-24T14:50:35.418" v="2737" actId="478"/>
          <ac:spMkLst>
            <pc:docMk/>
            <pc:sldMk cId="271509471" sldId="885"/>
            <ac:spMk id="18" creationId="{1877DD14-8A49-C4B1-4F13-CE29D0F51B81}"/>
          </ac:spMkLst>
        </pc:spChg>
        <pc:grpChg chg="add mod">
          <ac:chgData name="Aluffi, Pietro" userId="810df28b-0e6a-47dc-86dd-8f68aed2c426" providerId="ADAL" clId="{1A807C71-F309-C34E-8EEF-897EDA475A1E}" dt="2023-03-24T14:51:12.660" v="2747" actId="1076"/>
          <ac:grpSpMkLst>
            <pc:docMk/>
            <pc:sldMk cId="271509471" sldId="885"/>
            <ac:grpSpMk id="2" creationId="{A3B82102-54DA-69E0-4645-5231F34E8ED2}"/>
          </ac:grpSpMkLst>
        </pc:grpChg>
        <pc:picChg chg="del">
          <ac:chgData name="Aluffi, Pietro" userId="810df28b-0e6a-47dc-86dd-8f68aed2c426" providerId="ADAL" clId="{1A807C71-F309-C34E-8EEF-897EDA475A1E}" dt="2023-03-24T14:50:36.843" v="2738" actId="478"/>
          <ac:picMkLst>
            <pc:docMk/>
            <pc:sldMk cId="271509471" sldId="885"/>
            <ac:picMk id="17" creationId="{DFECE691-EC5B-7D30-1A35-861B055992EB}"/>
          </ac:picMkLst>
        </pc:picChg>
        <pc:picChg chg="mod">
          <ac:chgData name="Aluffi, Pietro" userId="810df28b-0e6a-47dc-86dd-8f68aed2c426" providerId="ADAL" clId="{1A807C71-F309-C34E-8EEF-897EDA475A1E}" dt="2023-03-24T14:51:12.660" v="2747" actId="1076"/>
          <ac:picMkLst>
            <pc:docMk/>
            <pc:sldMk cId="271509471" sldId="885"/>
            <ac:picMk id="2050" creationId="{A3C323E5-E4E9-99B0-D741-01065A1711DD}"/>
          </ac:picMkLst>
        </pc:picChg>
      </pc:sldChg>
      <pc:sldChg chg="add del setBg">
        <pc:chgData name="Aluffi, Pietro" userId="810df28b-0e6a-47dc-86dd-8f68aed2c426" providerId="ADAL" clId="{1A807C71-F309-C34E-8EEF-897EDA475A1E}" dt="2023-03-24T14:50:33.969" v="2735"/>
        <pc:sldMkLst>
          <pc:docMk/>
          <pc:sldMk cId="3408883041" sldId="885"/>
        </pc:sldMkLst>
      </pc:sldChg>
      <pc:sldChg chg="add del setBg">
        <pc:chgData name="Aluffi, Pietro" userId="810df28b-0e6a-47dc-86dd-8f68aed2c426" providerId="ADAL" clId="{1A807C71-F309-C34E-8EEF-897EDA475A1E}" dt="2023-03-24T14:57:01.452" v="2869"/>
        <pc:sldMkLst>
          <pc:docMk/>
          <pc:sldMk cId="844124942" sldId="886"/>
        </pc:sldMkLst>
      </pc:sldChg>
      <pc:sldChg chg="addSp delSp modSp add del mod modNotesTx">
        <pc:chgData name="Aluffi, Pietro" userId="810df28b-0e6a-47dc-86dd-8f68aed2c426" providerId="ADAL" clId="{1A807C71-F309-C34E-8EEF-897EDA475A1E}" dt="2023-03-24T15:01:24.628" v="2914" actId="2696"/>
        <pc:sldMkLst>
          <pc:docMk/>
          <pc:sldMk cId="1924799834" sldId="886"/>
        </pc:sldMkLst>
        <pc:spChg chg="add del mod">
          <ac:chgData name="Aluffi, Pietro" userId="810df28b-0e6a-47dc-86dd-8f68aed2c426" providerId="ADAL" clId="{1A807C71-F309-C34E-8EEF-897EDA475A1E}" dt="2023-03-24T14:57:17.884" v="2875" actId="1076"/>
          <ac:spMkLst>
            <pc:docMk/>
            <pc:sldMk cId="1924799834" sldId="886"/>
            <ac:spMk id="13" creationId="{8064B78E-7C0D-A2C8-1142-199A45DC71C8}"/>
          </ac:spMkLst>
        </pc:spChg>
      </pc:sldChg>
      <pc:sldChg chg="modSp add del mod modNotesTx">
        <pc:chgData name="Aluffi, Pietro" userId="810df28b-0e6a-47dc-86dd-8f68aed2c426" providerId="ADAL" clId="{1A807C71-F309-C34E-8EEF-897EDA475A1E}" dt="2023-03-24T15:01:26.572" v="2915" actId="2696"/>
        <pc:sldMkLst>
          <pc:docMk/>
          <pc:sldMk cId="1612797733" sldId="887"/>
        </pc:sldMkLst>
        <pc:spChg chg="mod">
          <ac:chgData name="Aluffi, Pietro" userId="810df28b-0e6a-47dc-86dd-8f68aed2c426" providerId="ADAL" clId="{1A807C71-F309-C34E-8EEF-897EDA475A1E}" dt="2023-03-24T14:57:34.200" v="2879" actId="1076"/>
          <ac:spMkLst>
            <pc:docMk/>
            <pc:sldMk cId="1612797733" sldId="887"/>
            <ac:spMk id="13" creationId="{8064B78E-7C0D-A2C8-1142-199A45DC71C8}"/>
          </ac:spMkLst>
        </pc:spChg>
      </pc:sldChg>
      <pc:sldChg chg="add del setBg">
        <pc:chgData name="Aluffi, Pietro" userId="810df28b-0e6a-47dc-86dd-8f68aed2c426" providerId="ADAL" clId="{1A807C71-F309-C34E-8EEF-897EDA475A1E}" dt="2023-03-24T14:57:28.940" v="2877"/>
        <pc:sldMkLst>
          <pc:docMk/>
          <pc:sldMk cId="4009282452" sldId="887"/>
        </pc:sldMkLst>
      </pc:sldChg>
      <pc:sldChg chg="add del setBg">
        <pc:chgData name="Aluffi, Pietro" userId="810df28b-0e6a-47dc-86dd-8f68aed2c426" providerId="ADAL" clId="{1A807C71-F309-C34E-8EEF-897EDA475A1E}" dt="2023-03-24T14:57:37.936" v="2881"/>
        <pc:sldMkLst>
          <pc:docMk/>
          <pc:sldMk cId="1331542766" sldId="888"/>
        </pc:sldMkLst>
      </pc:sldChg>
      <pc:sldChg chg="modSp add del mod modNotesTx">
        <pc:chgData name="Aluffi, Pietro" userId="810df28b-0e6a-47dc-86dd-8f68aed2c426" providerId="ADAL" clId="{1A807C71-F309-C34E-8EEF-897EDA475A1E}" dt="2023-03-24T15:01:37.551" v="2919" actId="2696"/>
        <pc:sldMkLst>
          <pc:docMk/>
          <pc:sldMk cId="3209207974" sldId="888"/>
        </pc:sldMkLst>
        <pc:spChg chg="mod">
          <ac:chgData name="Aluffi, Pietro" userId="810df28b-0e6a-47dc-86dd-8f68aed2c426" providerId="ADAL" clId="{1A807C71-F309-C34E-8EEF-897EDA475A1E}" dt="2023-03-24T14:57:45.983" v="2885" actId="1076"/>
          <ac:spMkLst>
            <pc:docMk/>
            <pc:sldMk cId="3209207974" sldId="888"/>
            <ac:spMk id="13" creationId="{8064B78E-7C0D-A2C8-1142-199A45DC71C8}"/>
          </ac:spMkLst>
        </pc:spChg>
      </pc:sldChg>
      <pc:sldChg chg="addSp delSp modSp add mod modNotesTx">
        <pc:chgData name="Aluffi, Pietro" userId="810df28b-0e6a-47dc-86dd-8f68aed2c426" providerId="ADAL" clId="{1A807C71-F309-C34E-8EEF-897EDA475A1E}" dt="2023-03-24T15:00:52.475" v="2907"/>
        <pc:sldMkLst>
          <pc:docMk/>
          <pc:sldMk cId="2204778894" sldId="889"/>
        </pc:sldMkLst>
        <pc:spChg chg="add mod">
          <ac:chgData name="Aluffi, Pietro" userId="810df28b-0e6a-47dc-86dd-8f68aed2c426" providerId="ADAL" clId="{1A807C71-F309-C34E-8EEF-897EDA475A1E}" dt="2023-03-24T15:00:44.527" v="2905"/>
          <ac:spMkLst>
            <pc:docMk/>
            <pc:sldMk cId="2204778894" sldId="889"/>
            <ac:spMk id="2" creationId="{B111FCC3-1E17-611F-51D4-2F786EC58AE1}"/>
          </ac:spMkLst>
        </pc:spChg>
        <pc:spChg chg="mod">
          <ac:chgData name="Aluffi, Pietro" userId="810df28b-0e6a-47dc-86dd-8f68aed2c426" providerId="ADAL" clId="{1A807C71-F309-C34E-8EEF-897EDA475A1E}" dt="2023-03-24T15:00:44.527" v="2905"/>
          <ac:spMkLst>
            <pc:docMk/>
            <pc:sldMk cId="2204778894" sldId="889"/>
            <ac:spMk id="4" creationId="{1FD3D411-C1C6-A8C1-C0C3-FF1282B5912C}"/>
          </ac:spMkLst>
        </pc:spChg>
        <pc:spChg chg="add mod">
          <ac:chgData name="Aluffi, Pietro" userId="810df28b-0e6a-47dc-86dd-8f68aed2c426" providerId="ADAL" clId="{1A807C71-F309-C34E-8EEF-897EDA475A1E}" dt="2023-03-24T15:00:52.475" v="2907"/>
          <ac:spMkLst>
            <pc:docMk/>
            <pc:sldMk cId="2204778894" sldId="889"/>
            <ac:spMk id="17" creationId="{878529D8-6D8C-5A2D-1B0C-4EE0D3D29BBC}"/>
          </ac:spMkLst>
        </pc:spChg>
        <pc:spChg chg="del">
          <ac:chgData name="Aluffi, Pietro" userId="810df28b-0e6a-47dc-86dd-8f68aed2c426" providerId="ADAL" clId="{1A807C71-F309-C34E-8EEF-897EDA475A1E}" dt="2023-03-24T15:00:38.474" v="2901" actId="478"/>
          <ac:spMkLst>
            <pc:docMk/>
            <pc:sldMk cId="2204778894" sldId="889"/>
            <ac:spMk id="18" creationId="{82D9AC9B-E71C-3734-1631-2637F4118F38}"/>
          </ac:spMkLst>
        </pc:spChg>
        <pc:grpChg chg="add mod">
          <ac:chgData name="Aluffi, Pietro" userId="810df28b-0e6a-47dc-86dd-8f68aed2c426" providerId="ADAL" clId="{1A807C71-F309-C34E-8EEF-897EDA475A1E}" dt="2023-03-24T15:00:44.527" v="2905"/>
          <ac:grpSpMkLst>
            <pc:docMk/>
            <pc:sldMk cId="2204778894" sldId="889"/>
            <ac:grpSpMk id="3" creationId="{916E20CB-BE1E-FC9B-CE56-49D65253D83A}"/>
          </ac:grpSpMkLst>
        </pc:grpChg>
        <pc:grpChg chg="del">
          <ac:chgData name="Aluffi, Pietro" userId="810df28b-0e6a-47dc-86dd-8f68aed2c426" providerId="ADAL" clId="{1A807C71-F309-C34E-8EEF-897EDA475A1E}" dt="2023-03-24T15:00:43.924" v="2904" actId="478"/>
          <ac:grpSpMkLst>
            <pc:docMk/>
            <pc:sldMk cId="2204778894" sldId="889"/>
            <ac:grpSpMk id="7" creationId="{470EAAF8-BF12-4511-4216-8EE92571C642}"/>
          </ac:grpSpMkLst>
        </pc:grpChg>
        <pc:grpChg chg="del">
          <ac:chgData name="Aluffi, Pietro" userId="810df28b-0e6a-47dc-86dd-8f68aed2c426" providerId="ADAL" clId="{1A807C71-F309-C34E-8EEF-897EDA475A1E}" dt="2023-03-24T15:00:40.537" v="2903" actId="478"/>
          <ac:grpSpMkLst>
            <pc:docMk/>
            <pc:sldMk cId="2204778894" sldId="889"/>
            <ac:grpSpMk id="12" creationId="{7DE99734-48A9-74A0-A296-3B2A8326AA31}"/>
          </ac:grpSpMkLst>
        </pc:grpChg>
        <pc:picChg chg="del">
          <ac:chgData name="Aluffi, Pietro" userId="810df28b-0e6a-47dc-86dd-8f68aed2c426" providerId="ADAL" clId="{1A807C71-F309-C34E-8EEF-897EDA475A1E}" dt="2023-03-24T15:00:37.515" v="2900" actId="478"/>
          <ac:picMkLst>
            <pc:docMk/>
            <pc:sldMk cId="2204778894" sldId="889"/>
            <ac:picMk id="5" creationId="{3D35BB58-A19B-169A-EB9D-E6059D64A913}"/>
          </ac:picMkLst>
        </pc:picChg>
        <pc:picChg chg="mod">
          <ac:chgData name="Aluffi, Pietro" userId="810df28b-0e6a-47dc-86dd-8f68aed2c426" providerId="ADAL" clId="{1A807C71-F309-C34E-8EEF-897EDA475A1E}" dt="2023-03-24T15:00:44.527" v="2905"/>
          <ac:picMkLst>
            <pc:docMk/>
            <pc:sldMk cId="2204778894" sldId="889"/>
            <ac:picMk id="6" creationId="{681A2AD3-A986-0864-8A2E-F4B53DBAD51F}"/>
          </ac:picMkLst>
        </pc:picChg>
        <pc:picChg chg="del">
          <ac:chgData name="Aluffi, Pietro" userId="810df28b-0e6a-47dc-86dd-8f68aed2c426" providerId="ADAL" clId="{1A807C71-F309-C34E-8EEF-897EDA475A1E}" dt="2023-03-24T15:00:37.515" v="2900" actId="478"/>
          <ac:picMkLst>
            <pc:docMk/>
            <pc:sldMk cId="2204778894" sldId="889"/>
            <ac:picMk id="8" creationId="{2E957B12-DA24-EE0D-816D-DA68608DBAA6}"/>
          </ac:picMkLst>
        </pc:picChg>
        <pc:picChg chg="add mod">
          <ac:chgData name="Aluffi, Pietro" userId="810df28b-0e6a-47dc-86dd-8f68aed2c426" providerId="ADAL" clId="{1A807C71-F309-C34E-8EEF-897EDA475A1E}" dt="2023-03-24T15:00:44.527" v="2905"/>
          <ac:picMkLst>
            <pc:docMk/>
            <pc:sldMk cId="2204778894" sldId="889"/>
            <ac:picMk id="9" creationId="{EE7FACA4-3092-6E9A-ADA7-6AB0857D2445}"/>
          </ac:picMkLst>
        </pc:picChg>
        <pc:picChg chg="del">
          <ac:chgData name="Aluffi, Pietro" userId="810df28b-0e6a-47dc-86dd-8f68aed2c426" providerId="ADAL" clId="{1A807C71-F309-C34E-8EEF-897EDA475A1E}" dt="2023-03-24T15:00:37.515" v="2900" actId="478"/>
          <ac:picMkLst>
            <pc:docMk/>
            <pc:sldMk cId="2204778894" sldId="889"/>
            <ac:picMk id="15" creationId="{2114F6C2-2089-084F-7F37-08E3DA90A3B2}"/>
          </ac:picMkLst>
        </pc:picChg>
        <pc:picChg chg="del">
          <ac:chgData name="Aluffi, Pietro" userId="810df28b-0e6a-47dc-86dd-8f68aed2c426" providerId="ADAL" clId="{1A807C71-F309-C34E-8EEF-897EDA475A1E}" dt="2023-03-24T15:00:39.566" v="2902" actId="478"/>
          <ac:picMkLst>
            <pc:docMk/>
            <pc:sldMk cId="2204778894" sldId="889"/>
            <ac:picMk id="16" creationId="{E4A24EF2-4128-9155-44F8-B6AEDC58DC06}"/>
          </ac:picMkLst>
        </pc:picChg>
      </pc:sldChg>
      <pc:sldChg chg="addSp delSp modSp add mod modNotesTx">
        <pc:chgData name="Aluffi, Pietro" userId="810df28b-0e6a-47dc-86dd-8f68aed2c426" providerId="ADAL" clId="{1A807C71-F309-C34E-8EEF-897EDA475A1E}" dt="2023-03-26T05:23:15.421" v="5514" actId="113"/>
        <pc:sldMkLst>
          <pc:docMk/>
          <pc:sldMk cId="275238137" sldId="890"/>
        </pc:sldMkLst>
        <pc:spChg chg="del">
          <ac:chgData name="Aluffi, Pietro" userId="810df28b-0e6a-47dc-86dd-8f68aed2c426" providerId="ADAL" clId="{1A807C71-F309-C34E-8EEF-897EDA475A1E}" dt="2023-03-24T15:01:17.852" v="2910" actId="478"/>
          <ac:spMkLst>
            <pc:docMk/>
            <pc:sldMk cId="275238137" sldId="890"/>
            <ac:spMk id="2" creationId="{B111FCC3-1E17-611F-51D4-2F786EC58AE1}"/>
          </ac:spMkLst>
        </pc:spChg>
        <pc:spChg chg="mod">
          <ac:chgData name="Aluffi, Pietro" userId="810df28b-0e6a-47dc-86dd-8f68aed2c426" providerId="ADAL" clId="{1A807C71-F309-C34E-8EEF-897EDA475A1E}" dt="2023-03-24T15:01:18.198" v="2911"/>
          <ac:spMkLst>
            <pc:docMk/>
            <pc:sldMk cId="275238137" sldId="890"/>
            <ac:spMk id="7" creationId="{0E1548C6-94E0-D66C-1862-1A499FDE3EC7}"/>
          </ac:spMkLst>
        </pc:spChg>
        <pc:spChg chg="add del mod">
          <ac:chgData name="Aluffi, Pietro" userId="810df28b-0e6a-47dc-86dd-8f68aed2c426" providerId="ADAL" clId="{1A807C71-F309-C34E-8EEF-897EDA475A1E}" dt="2023-03-24T15:01:21.038" v="2912" actId="478"/>
          <ac:spMkLst>
            <pc:docMk/>
            <pc:sldMk cId="275238137" sldId="890"/>
            <ac:spMk id="10" creationId="{2479B22F-AA42-3727-DAC1-36F45DC09C18}"/>
          </ac:spMkLst>
        </pc:spChg>
        <pc:spChg chg="add mod">
          <ac:chgData name="Aluffi, Pietro" userId="810df28b-0e6a-47dc-86dd-8f68aed2c426" providerId="ADAL" clId="{1A807C71-F309-C34E-8EEF-897EDA475A1E}" dt="2023-03-24T15:01:18.198" v="2911"/>
          <ac:spMkLst>
            <pc:docMk/>
            <pc:sldMk cId="275238137" sldId="890"/>
            <ac:spMk id="11" creationId="{2BA74BB4-FD38-DEAB-5445-6DEA73324405}"/>
          </ac:spMkLst>
        </pc:spChg>
        <pc:spChg chg="add mod">
          <ac:chgData name="Aluffi, Pietro" userId="810df28b-0e6a-47dc-86dd-8f68aed2c426" providerId="ADAL" clId="{1A807C71-F309-C34E-8EEF-897EDA475A1E}" dt="2023-03-24T15:01:18.198" v="2911"/>
          <ac:spMkLst>
            <pc:docMk/>
            <pc:sldMk cId="275238137" sldId="890"/>
            <ac:spMk id="12" creationId="{9DE6E985-D2F6-4FCE-74F4-4ECDFB0EFC0A}"/>
          </ac:spMkLst>
        </pc:spChg>
        <pc:spChg chg="add mod">
          <ac:chgData name="Aluffi, Pietro" userId="810df28b-0e6a-47dc-86dd-8f68aed2c426" providerId="ADAL" clId="{1A807C71-F309-C34E-8EEF-897EDA475A1E}" dt="2023-03-24T15:01:18.198" v="2911"/>
          <ac:spMkLst>
            <pc:docMk/>
            <pc:sldMk cId="275238137" sldId="890"/>
            <ac:spMk id="13" creationId="{ED29CE1A-CA67-6841-B251-DDE4778EA243}"/>
          </ac:spMkLst>
        </pc:spChg>
        <pc:spChg chg="add mod">
          <ac:chgData name="Aluffi, Pietro" userId="810df28b-0e6a-47dc-86dd-8f68aed2c426" providerId="ADAL" clId="{1A807C71-F309-C34E-8EEF-897EDA475A1E}" dt="2023-03-24T15:01:18.198" v="2911"/>
          <ac:spMkLst>
            <pc:docMk/>
            <pc:sldMk cId="275238137" sldId="890"/>
            <ac:spMk id="14" creationId="{82BE9777-8C0A-2267-6914-B19F84A113C0}"/>
          </ac:spMkLst>
        </pc:spChg>
        <pc:spChg chg="add del mod">
          <ac:chgData name="Aluffi, Pietro" userId="810df28b-0e6a-47dc-86dd-8f68aed2c426" providerId="ADAL" clId="{1A807C71-F309-C34E-8EEF-897EDA475A1E}" dt="2023-03-24T15:01:57.842" v="2925" actId="478"/>
          <ac:spMkLst>
            <pc:docMk/>
            <pc:sldMk cId="275238137" sldId="890"/>
            <ac:spMk id="15" creationId="{F494EB9B-CB68-974D-6CE3-719CAEE9002F}"/>
          </ac:spMkLst>
        </pc:spChg>
        <pc:spChg chg="add mod">
          <ac:chgData name="Aluffi, Pietro" userId="810df28b-0e6a-47dc-86dd-8f68aed2c426" providerId="ADAL" clId="{1A807C71-F309-C34E-8EEF-897EDA475A1E}" dt="2023-03-24T15:02:02.160" v="2926" actId="1076"/>
          <ac:spMkLst>
            <pc:docMk/>
            <pc:sldMk cId="275238137" sldId="890"/>
            <ac:spMk id="16" creationId="{1039AEE6-C9E1-3BB2-C817-9553081BE45F}"/>
          </ac:spMkLst>
        </pc:spChg>
        <pc:grpChg chg="del">
          <ac:chgData name="Aluffi, Pietro" userId="810df28b-0e6a-47dc-86dd-8f68aed2c426" providerId="ADAL" clId="{1A807C71-F309-C34E-8EEF-897EDA475A1E}" dt="2023-03-24T15:01:17.852" v="2910" actId="478"/>
          <ac:grpSpMkLst>
            <pc:docMk/>
            <pc:sldMk cId="275238137" sldId="890"/>
            <ac:grpSpMk id="3" creationId="{916E20CB-BE1E-FC9B-CE56-49D65253D83A}"/>
          </ac:grpSpMkLst>
        </pc:grpChg>
        <pc:grpChg chg="add mod">
          <ac:chgData name="Aluffi, Pietro" userId="810df28b-0e6a-47dc-86dd-8f68aed2c426" providerId="ADAL" clId="{1A807C71-F309-C34E-8EEF-897EDA475A1E}" dt="2023-03-24T15:01:18.198" v="2911"/>
          <ac:grpSpMkLst>
            <pc:docMk/>
            <pc:sldMk cId="275238137" sldId="890"/>
            <ac:grpSpMk id="5" creationId="{7A0A6408-E146-7A5A-A235-E2713A2338D1}"/>
          </ac:grpSpMkLst>
        </pc:grpChg>
        <pc:picChg chg="mod">
          <ac:chgData name="Aluffi, Pietro" userId="810df28b-0e6a-47dc-86dd-8f68aed2c426" providerId="ADAL" clId="{1A807C71-F309-C34E-8EEF-897EDA475A1E}" dt="2023-03-24T15:01:18.198" v="2911"/>
          <ac:picMkLst>
            <pc:docMk/>
            <pc:sldMk cId="275238137" sldId="890"/>
            <ac:picMk id="8" creationId="{60824131-BBA6-8C43-B2B7-E5E918426120}"/>
          </ac:picMkLst>
        </pc:picChg>
        <pc:picChg chg="del">
          <ac:chgData name="Aluffi, Pietro" userId="810df28b-0e6a-47dc-86dd-8f68aed2c426" providerId="ADAL" clId="{1A807C71-F309-C34E-8EEF-897EDA475A1E}" dt="2023-03-24T15:01:17.852" v="2910" actId="478"/>
          <ac:picMkLst>
            <pc:docMk/>
            <pc:sldMk cId="275238137" sldId="890"/>
            <ac:picMk id="9" creationId="{EE7FACA4-3092-6E9A-ADA7-6AB0857D2445}"/>
          </ac:picMkLst>
        </pc:picChg>
      </pc:sldChg>
      <pc:sldChg chg="modSp add mod modNotesTx">
        <pc:chgData name="Aluffi, Pietro" userId="810df28b-0e6a-47dc-86dd-8f68aed2c426" providerId="ADAL" clId="{1A807C71-F309-C34E-8EEF-897EDA475A1E}" dt="2023-03-26T05:23:18.923" v="5516" actId="113"/>
        <pc:sldMkLst>
          <pc:docMk/>
          <pc:sldMk cId="118336362" sldId="891"/>
        </pc:sldMkLst>
        <pc:spChg chg="mod">
          <ac:chgData name="Aluffi, Pietro" userId="810df28b-0e6a-47dc-86dd-8f68aed2c426" providerId="ADAL" clId="{1A807C71-F309-C34E-8EEF-897EDA475A1E}" dt="2023-03-24T15:02:06.267" v="2927" actId="1076"/>
          <ac:spMkLst>
            <pc:docMk/>
            <pc:sldMk cId="118336362" sldId="891"/>
            <ac:spMk id="15" creationId="{F494EB9B-CB68-974D-6CE3-719CAEE9002F}"/>
          </ac:spMkLst>
        </pc:spChg>
      </pc:sldChg>
      <pc:sldChg chg="modSp add mod modNotesTx">
        <pc:chgData name="Aluffi, Pietro" userId="810df28b-0e6a-47dc-86dd-8f68aed2c426" providerId="ADAL" clId="{1A807C71-F309-C34E-8EEF-897EDA475A1E}" dt="2023-03-26T05:23:24.367" v="5519" actId="113"/>
        <pc:sldMkLst>
          <pc:docMk/>
          <pc:sldMk cId="3931621114" sldId="892"/>
        </pc:sldMkLst>
        <pc:spChg chg="mod">
          <ac:chgData name="Aluffi, Pietro" userId="810df28b-0e6a-47dc-86dd-8f68aed2c426" providerId="ADAL" clId="{1A807C71-F309-C34E-8EEF-897EDA475A1E}" dt="2023-03-24T15:02:14.400" v="2929" actId="1076"/>
          <ac:spMkLst>
            <pc:docMk/>
            <pc:sldMk cId="3931621114" sldId="892"/>
            <ac:spMk id="15" creationId="{F494EB9B-CB68-974D-6CE3-719CAEE9002F}"/>
          </ac:spMkLst>
        </pc:spChg>
      </pc:sldChg>
      <pc:sldChg chg="modSp add mod">
        <pc:chgData name="Aluffi, Pietro" userId="810df28b-0e6a-47dc-86dd-8f68aed2c426" providerId="ADAL" clId="{1A807C71-F309-C34E-8EEF-897EDA475A1E}" dt="2023-03-24T15:02:32.868" v="2934" actId="1076"/>
        <pc:sldMkLst>
          <pc:docMk/>
          <pc:sldMk cId="1484300737" sldId="893"/>
        </pc:sldMkLst>
        <pc:spChg chg="mod">
          <ac:chgData name="Aluffi, Pietro" userId="810df28b-0e6a-47dc-86dd-8f68aed2c426" providerId="ADAL" clId="{1A807C71-F309-C34E-8EEF-897EDA475A1E}" dt="2023-03-24T15:02:32.868" v="2934" actId="1076"/>
          <ac:spMkLst>
            <pc:docMk/>
            <pc:sldMk cId="1484300737" sldId="893"/>
            <ac:spMk id="15" creationId="{F494EB9B-CB68-974D-6CE3-719CAEE9002F}"/>
          </ac:spMkLst>
        </pc:spChg>
      </pc:sldChg>
      <pc:sldChg chg="addSp delSp modSp add mod modNotesTx">
        <pc:chgData name="Aluffi, Pietro" userId="810df28b-0e6a-47dc-86dd-8f68aed2c426" providerId="ADAL" clId="{1A807C71-F309-C34E-8EEF-897EDA475A1E}" dt="2023-03-25T11:56:09.789" v="3956" actId="20577"/>
        <pc:sldMkLst>
          <pc:docMk/>
          <pc:sldMk cId="3903657667" sldId="894"/>
        </pc:sldMkLst>
        <pc:spChg chg="mod">
          <ac:chgData name="Aluffi, Pietro" userId="810df28b-0e6a-47dc-86dd-8f68aed2c426" providerId="ADAL" clId="{1A807C71-F309-C34E-8EEF-897EDA475A1E}" dt="2023-03-25T11:56:09.789" v="3956" actId="20577"/>
          <ac:spMkLst>
            <pc:docMk/>
            <pc:sldMk cId="3903657667" sldId="894"/>
            <ac:spMk id="2" creationId="{4EF9789A-4335-4577-AF25-1CB52F39AA43}"/>
          </ac:spMkLst>
        </pc:spChg>
        <pc:spChg chg="del">
          <ac:chgData name="Aluffi, Pietro" userId="810df28b-0e6a-47dc-86dd-8f68aed2c426" providerId="ADAL" clId="{1A807C71-F309-C34E-8EEF-897EDA475A1E}" dt="2023-03-25T01:33:36.128" v="3747" actId="478"/>
          <ac:spMkLst>
            <pc:docMk/>
            <pc:sldMk cId="3903657667" sldId="894"/>
            <ac:spMk id="5" creationId="{D695D6E8-C8B7-C1D4-C331-44BD5FDF85A3}"/>
          </ac:spMkLst>
        </pc:spChg>
        <pc:spChg chg="del">
          <ac:chgData name="Aluffi, Pietro" userId="810df28b-0e6a-47dc-86dd-8f68aed2c426" providerId="ADAL" clId="{1A807C71-F309-C34E-8EEF-897EDA475A1E}" dt="2023-03-25T01:33:54.621" v="3749" actId="478"/>
          <ac:spMkLst>
            <pc:docMk/>
            <pc:sldMk cId="3903657667" sldId="894"/>
            <ac:spMk id="6" creationId="{F152FE58-98D6-BE7A-D5ED-1227CAEE1F92}"/>
          </ac:spMkLst>
        </pc:spChg>
        <pc:spChg chg="add mod topLvl">
          <ac:chgData name="Aluffi, Pietro" userId="810df28b-0e6a-47dc-86dd-8f68aed2c426" providerId="ADAL" clId="{1A807C71-F309-C34E-8EEF-897EDA475A1E}" dt="2023-03-25T11:54:05.585" v="3939" actId="164"/>
          <ac:spMkLst>
            <pc:docMk/>
            <pc:sldMk cId="3903657667" sldId="894"/>
            <ac:spMk id="7" creationId="{A09EAFAE-434C-EFD1-4F88-B7A800F6A6B9}"/>
          </ac:spMkLst>
        </pc:spChg>
        <pc:spChg chg="add mod">
          <ac:chgData name="Aluffi, Pietro" userId="810df28b-0e6a-47dc-86dd-8f68aed2c426" providerId="ADAL" clId="{1A807C71-F309-C34E-8EEF-897EDA475A1E}" dt="2023-03-25T11:54:33.243" v="3942" actId="164"/>
          <ac:spMkLst>
            <pc:docMk/>
            <pc:sldMk cId="3903657667" sldId="894"/>
            <ac:spMk id="11" creationId="{73BBACDF-A499-E6FD-0C0D-A3856E6028A9}"/>
          </ac:spMkLst>
        </pc:spChg>
        <pc:spChg chg="add mod">
          <ac:chgData name="Aluffi, Pietro" userId="810df28b-0e6a-47dc-86dd-8f68aed2c426" providerId="ADAL" clId="{1A807C71-F309-C34E-8EEF-897EDA475A1E}" dt="2023-03-25T11:55:47.403" v="3950" actId="164"/>
          <ac:spMkLst>
            <pc:docMk/>
            <pc:sldMk cId="3903657667" sldId="894"/>
            <ac:spMk id="14" creationId="{DC07FA2B-340C-498A-7CB3-3F16C1C5E539}"/>
          </ac:spMkLst>
        </pc:spChg>
        <pc:grpChg chg="add del mod">
          <ac:chgData name="Aluffi, Pietro" userId="810df28b-0e6a-47dc-86dd-8f68aed2c426" providerId="ADAL" clId="{1A807C71-F309-C34E-8EEF-897EDA475A1E}" dt="2023-03-25T11:53:35.719" v="3931" actId="165"/>
          <ac:grpSpMkLst>
            <pc:docMk/>
            <pc:sldMk cId="3903657667" sldId="894"/>
            <ac:grpSpMk id="8" creationId="{18EB6979-5D11-863C-30E0-997DD14EE3CF}"/>
          </ac:grpSpMkLst>
        </pc:grpChg>
        <pc:grpChg chg="add mod">
          <ac:chgData name="Aluffi, Pietro" userId="810df28b-0e6a-47dc-86dd-8f68aed2c426" providerId="ADAL" clId="{1A807C71-F309-C34E-8EEF-897EDA475A1E}" dt="2023-03-25T11:53:32.075" v="3930" actId="164"/>
          <ac:grpSpMkLst>
            <pc:docMk/>
            <pc:sldMk cId="3903657667" sldId="894"/>
            <ac:grpSpMk id="15" creationId="{F20BE143-EE92-FD40-B91B-4243642F53C4}"/>
          </ac:grpSpMkLst>
        </pc:grpChg>
        <pc:grpChg chg="add mod">
          <ac:chgData name="Aluffi, Pietro" userId="810df28b-0e6a-47dc-86dd-8f68aed2c426" providerId="ADAL" clId="{1A807C71-F309-C34E-8EEF-897EDA475A1E}" dt="2023-03-25T11:53:31.389" v="3929" actId="164"/>
          <ac:grpSpMkLst>
            <pc:docMk/>
            <pc:sldMk cId="3903657667" sldId="894"/>
            <ac:grpSpMk id="16" creationId="{22B5A52E-BD13-5646-64B9-11C7E0998E88}"/>
          </ac:grpSpMkLst>
        </pc:grpChg>
        <pc:grpChg chg="add mod">
          <ac:chgData name="Aluffi, Pietro" userId="810df28b-0e6a-47dc-86dd-8f68aed2c426" providerId="ADAL" clId="{1A807C71-F309-C34E-8EEF-897EDA475A1E}" dt="2023-03-25T11:55:57.451" v="3953" actId="1076"/>
          <ac:grpSpMkLst>
            <pc:docMk/>
            <pc:sldMk cId="3903657667" sldId="894"/>
            <ac:grpSpMk id="17" creationId="{54F5D14F-2951-76B5-B644-5B9595F9CCD8}"/>
          </ac:grpSpMkLst>
        </pc:grpChg>
        <pc:grpChg chg="add mod">
          <ac:chgData name="Aluffi, Pietro" userId="810df28b-0e6a-47dc-86dd-8f68aed2c426" providerId="ADAL" clId="{1A807C71-F309-C34E-8EEF-897EDA475A1E}" dt="2023-03-25T11:55:53.568" v="3952" actId="1076"/>
          <ac:grpSpMkLst>
            <pc:docMk/>
            <pc:sldMk cId="3903657667" sldId="894"/>
            <ac:grpSpMk id="18" creationId="{B8651B27-763A-39F2-0EF3-11FE81AF2C50}"/>
          </ac:grpSpMkLst>
        </pc:grpChg>
        <pc:grpChg chg="add mod">
          <ac:chgData name="Aluffi, Pietro" userId="810df28b-0e6a-47dc-86dd-8f68aed2c426" providerId="ADAL" clId="{1A807C71-F309-C34E-8EEF-897EDA475A1E}" dt="2023-03-25T11:55:51.068" v="3951" actId="1076"/>
          <ac:grpSpMkLst>
            <pc:docMk/>
            <pc:sldMk cId="3903657667" sldId="894"/>
            <ac:grpSpMk id="19" creationId="{973EFCDF-1315-4FE6-2AE6-81EA830E48DB}"/>
          </ac:grpSpMkLst>
        </pc:grpChg>
        <pc:picChg chg="add mod topLvl">
          <ac:chgData name="Aluffi, Pietro" userId="810df28b-0e6a-47dc-86dd-8f68aed2c426" providerId="ADAL" clId="{1A807C71-F309-C34E-8EEF-897EDA475A1E}" dt="2023-03-25T11:55:22.077" v="3944" actId="14100"/>
          <ac:picMkLst>
            <pc:docMk/>
            <pc:sldMk cId="3903657667" sldId="894"/>
            <ac:picMk id="4" creationId="{B58B3C25-0FE4-3358-2101-9DC2985A5811}"/>
          </ac:picMkLst>
        </pc:picChg>
        <pc:picChg chg="add mod">
          <ac:chgData name="Aluffi, Pietro" userId="810df28b-0e6a-47dc-86dd-8f68aed2c426" providerId="ADAL" clId="{1A807C71-F309-C34E-8EEF-897EDA475A1E}" dt="2023-03-25T11:54:33.243" v="3942" actId="164"/>
          <ac:picMkLst>
            <pc:docMk/>
            <pc:sldMk cId="3903657667" sldId="894"/>
            <ac:picMk id="10" creationId="{BE716994-21BC-1C73-33B2-E1BEA953C1BC}"/>
          </ac:picMkLst>
        </pc:picChg>
        <pc:picChg chg="add mod">
          <ac:chgData name="Aluffi, Pietro" userId="810df28b-0e6a-47dc-86dd-8f68aed2c426" providerId="ADAL" clId="{1A807C71-F309-C34E-8EEF-897EDA475A1E}" dt="2023-03-25T11:55:47.403" v="3950" actId="164"/>
          <ac:picMkLst>
            <pc:docMk/>
            <pc:sldMk cId="3903657667" sldId="894"/>
            <ac:picMk id="13" creationId="{F25C3FE6-6EC6-CE66-2EE6-33FD913CF73B}"/>
          </ac:picMkLst>
        </pc:picChg>
      </pc:sldChg>
      <pc:sldChg chg="addSp delSp modSp add mod addAnim delAnim modAnim">
        <pc:chgData name="Aluffi, Pietro" userId="810df28b-0e6a-47dc-86dd-8f68aed2c426" providerId="ADAL" clId="{1A807C71-F309-C34E-8EEF-897EDA475A1E}" dt="2023-04-03T16:49:58.182" v="8625" actId="14734"/>
        <pc:sldMkLst>
          <pc:docMk/>
          <pc:sldMk cId="1447481041" sldId="895"/>
        </pc:sldMkLst>
        <pc:spChg chg="mod">
          <ac:chgData name="Aluffi, Pietro" userId="810df28b-0e6a-47dc-86dd-8f68aed2c426" providerId="ADAL" clId="{1A807C71-F309-C34E-8EEF-897EDA475A1E}" dt="2023-03-27T11:41:12.807" v="6808" actId="20577"/>
          <ac:spMkLst>
            <pc:docMk/>
            <pc:sldMk cId="1447481041" sldId="895"/>
            <ac:spMk id="2" creationId="{4EF9789A-4335-4577-AF25-1CB52F39AA43}"/>
          </ac:spMkLst>
        </pc:spChg>
        <pc:spChg chg="add del mod">
          <ac:chgData name="Aluffi, Pietro" userId="810df28b-0e6a-47dc-86dd-8f68aed2c426" providerId="ADAL" clId="{1A807C71-F309-C34E-8EEF-897EDA475A1E}" dt="2023-03-27T11:46:57.971" v="6975" actId="478"/>
          <ac:spMkLst>
            <pc:docMk/>
            <pc:sldMk cId="1447481041" sldId="895"/>
            <ac:spMk id="5" creationId="{FFD2E9D4-1858-900A-A5FE-694E5A1E115F}"/>
          </ac:spMkLst>
        </pc:spChg>
        <pc:spChg chg="add del mod">
          <ac:chgData name="Aluffi, Pietro" userId="810df28b-0e6a-47dc-86dd-8f68aed2c426" providerId="ADAL" clId="{1A807C71-F309-C34E-8EEF-897EDA475A1E}" dt="2023-03-27T11:46:55.736" v="6974" actId="478"/>
          <ac:spMkLst>
            <pc:docMk/>
            <pc:sldMk cId="1447481041" sldId="895"/>
            <ac:spMk id="7" creationId="{E261085E-C33C-1C7C-B807-355216FDCBB5}"/>
          </ac:spMkLst>
        </pc:spChg>
        <pc:spChg chg="del">
          <ac:chgData name="Aluffi, Pietro" userId="810df28b-0e6a-47dc-86dd-8f68aed2c426" providerId="ADAL" clId="{1A807C71-F309-C34E-8EEF-897EDA475A1E}" dt="2023-03-24T15:35:39.296" v="3218" actId="478"/>
          <ac:spMkLst>
            <pc:docMk/>
            <pc:sldMk cId="1447481041" sldId="895"/>
            <ac:spMk id="9" creationId="{763134A5-FCA1-2D8D-A552-E97123AA576B}"/>
          </ac:spMkLst>
        </pc:spChg>
        <pc:spChg chg="del">
          <ac:chgData name="Aluffi, Pietro" userId="810df28b-0e6a-47dc-86dd-8f68aed2c426" providerId="ADAL" clId="{1A807C71-F309-C34E-8EEF-897EDA475A1E}" dt="2023-03-24T15:35:36.895" v="3217" actId="478"/>
          <ac:spMkLst>
            <pc:docMk/>
            <pc:sldMk cId="1447481041" sldId="895"/>
            <ac:spMk id="10" creationId="{DA026BAE-E064-7EAB-4CF2-B52D3576301C}"/>
          </ac:spMkLst>
        </pc:spChg>
        <pc:graphicFrameChg chg="add del">
          <ac:chgData name="Aluffi, Pietro" userId="810df28b-0e6a-47dc-86dd-8f68aed2c426" providerId="ADAL" clId="{1A807C71-F309-C34E-8EEF-897EDA475A1E}" dt="2023-03-25T01:19:47.742" v="3272" actId="3680"/>
          <ac:graphicFrameMkLst>
            <pc:docMk/>
            <pc:sldMk cId="1447481041" sldId="895"/>
            <ac:graphicFrameMk id="3" creationId="{C0D8163A-E4BF-DF0F-7007-C4A73CBD0B8E}"/>
          </ac:graphicFrameMkLst>
        </pc:graphicFrameChg>
        <pc:graphicFrameChg chg="add del mod modGraphic">
          <ac:chgData name="Aluffi, Pietro" userId="810df28b-0e6a-47dc-86dd-8f68aed2c426" providerId="ADAL" clId="{1A807C71-F309-C34E-8EEF-897EDA475A1E}" dt="2023-03-27T11:46:47.003" v="6972"/>
          <ac:graphicFrameMkLst>
            <pc:docMk/>
            <pc:sldMk cId="1447481041" sldId="895"/>
            <ac:graphicFrameMk id="4" creationId="{068AFE07-0706-2DC5-A501-8ACB26A9E6D0}"/>
          </ac:graphicFrameMkLst>
        </pc:graphicFrameChg>
        <pc:graphicFrameChg chg="add del mod modGraphic">
          <ac:chgData name="Aluffi, Pietro" userId="810df28b-0e6a-47dc-86dd-8f68aed2c426" providerId="ADAL" clId="{1A807C71-F309-C34E-8EEF-897EDA475A1E}" dt="2023-04-03T16:49:58.182" v="8625" actId="14734"/>
          <ac:graphicFrameMkLst>
            <pc:docMk/>
            <pc:sldMk cId="1447481041" sldId="895"/>
            <ac:graphicFrameMk id="6" creationId="{D74507E2-82BF-233D-2AC2-77DB5FBADE0F}"/>
          </ac:graphicFrameMkLst>
        </pc:graphicFrameChg>
      </pc:sldChg>
      <pc:sldChg chg="addSp delSp modSp add mod ord modTransition modNotesTx">
        <pc:chgData name="Aluffi, Pietro" userId="810df28b-0e6a-47dc-86dd-8f68aed2c426" providerId="ADAL" clId="{1A807C71-F309-C34E-8EEF-897EDA475A1E}" dt="2023-03-27T11:05:33.142" v="6113" actId="20578"/>
        <pc:sldMkLst>
          <pc:docMk/>
          <pc:sldMk cId="2017919804" sldId="896"/>
        </pc:sldMkLst>
        <pc:spChg chg="mod">
          <ac:chgData name="Aluffi, Pietro" userId="810df28b-0e6a-47dc-86dd-8f68aed2c426" providerId="ADAL" clId="{1A807C71-F309-C34E-8EEF-897EDA475A1E}" dt="2023-03-25T11:56:56.220" v="3986" actId="313"/>
          <ac:spMkLst>
            <pc:docMk/>
            <pc:sldMk cId="2017919804" sldId="896"/>
            <ac:spMk id="2" creationId="{4EF9789A-4335-4577-AF25-1CB52F39AA43}"/>
          </ac:spMkLst>
        </pc:spChg>
        <pc:spChg chg="mod topLvl">
          <ac:chgData name="Aluffi, Pietro" userId="810df28b-0e6a-47dc-86dd-8f68aed2c426" providerId="ADAL" clId="{1A807C71-F309-C34E-8EEF-897EDA475A1E}" dt="2023-03-25T11:57:11.625" v="3991" actId="478"/>
          <ac:spMkLst>
            <pc:docMk/>
            <pc:sldMk cId="2017919804" sldId="896"/>
            <ac:spMk id="6" creationId="{C3F99BAB-8D5C-BD84-C614-C6750D6E61A8}"/>
          </ac:spMkLst>
        </pc:spChg>
        <pc:spChg chg="add del mod topLvl">
          <ac:chgData name="Aluffi, Pietro" userId="810df28b-0e6a-47dc-86dd-8f68aed2c426" providerId="ADAL" clId="{1A807C71-F309-C34E-8EEF-897EDA475A1E}" dt="2023-03-25T11:57:03.739" v="3989" actId="207"/>
          <ac:spMkLst>
            <pc:docMk/>
            <pc:sldMk cId="2017919804" sldId="896"/>
            <ac:spMk id="14" creationId="{DC07FA2B-340C-498A-7CB3-3F16C1C5E539}"/>
          </ac:spMkLst>
        </pc:spChg>
        <pc:spChg chg="mod">
          <ac:chgData name="Aluffi, Pietro" userId="810df28b-0e6a-47dc-86dd-8f68aed2c426" providerId="ADAL" clId="{1A807C71-F309-C34E-8EEF-897EDA475A1E}" dt="2023-03-25T12:04:27.276" v="4035" actId="1076"/>
          <ac:spMkLst>
            <pc:docMk/>
            <pc:sldMk cId="2017919804" sldId="896"/>
            <ac:spMk id="20" creationId="{118AA733-5B64-01E2-B3D3-D17E50D2E6B7}"/>
          </ac:spMkLst>
        </pc:spChg>
        <pc:spChg chg="del mod">
          <ac:chgData name="Aluffi, Pietro" userId="810df28b-0e6a-47dc-86dd-8f68aed2c426" providerId="ADAL" clId="{1A807C71-F309-C34E-8EEF-897EDA475A1E}" dt="2023-03-25T12:03:59.055" v="4031" actId="478"/>
          <ac:spMkLst>
            <pc:docMk/>
            <pc:sldMk cId="2017919804" sldId="896"/>
            <ac:spMk id="21" creationId="{5319CCFC-F066-3854-8FF7-66E57023CC83}"/>
          </ac:spMkLst>
        </pc:spChg>
        <pc:spChg chg="mod">
          <ac:chgData name="Aluffi, Pietro" userId="810df28b-0e6a-47dc-86dd-8f68aed2c426" providerId="ADAL" clId="{1A807C71-F309-C34E-8EEF-897EDA475A1E}" dt="2023-03-25T12:00:48.361" v="4001"/>
          <ac:spMkLst>
            <pc:docMk/>
            <pc:sldMk cId="2017919804" sldId="896"/>
            <ac:spMk id="22" creationId="{16FD418D-9DD4-C202-C581-8B7538B5E276}"/>
          </ac:spMkLst>
        </pc:spChg>
        <pc:spChg chg="del mod">
          <ac:chgData name="Aluffi, Pietro" userId="810df28b-0e6a-47dc-86dd-8f68aed2c426" providerId="ADAL" clId="{1A807C71-F309-C34E-8EEF-897EDA475A1E}" dt="2023-03-25T12:03:45.424" v="4026" actId="478"/>
          <ac:spMkLst>
            <pc:docMk/>
            <pc:sldMk cId="2017919804" sldId="896"/>
            <ac:spMk id="23" creationId="{251B3D14-0C15-7DAE-6E27-64EFE132124E}"/>
          </ac:spMkLst>
        </pc:spChg>
        <pc:spChg chg="add del mod">
          <ac:chgData name="Aluffi, Pietro" userId="810df28b-0e6a-47dc-86dd-8f68aed2c426" providerId="ADAL" clId="{1A807C71-F309-C34E-8EEF-897EDA475A1E}" dt="2023-03-25T12:03:40.536" v="4023" actId="767"/>
          <ac:spMkLst>
            <pc:docMk/>
            <pc:sldMk cId="2017919804" sldId="896"/>
            <ac:spMk id="24" creationId="{E98C5BC6-34B2-652F-E1BC-DBD7E9D3F556}"/>
          </ac:spMkLst>
        </pc:spChg>
        <pc:grpChg chg="add del mod">
          <ac:chgData name="Aluffi, Pietro" userId="810df28b-0e6a-47dc-86dd-8f68aed2c426" providerId="ADAL" clId="{1A807C71-F309-C34E-8EEF-897EDA475A1E}" dt="2023-03-25T11:57:11.625" v="3991" actId="478"/>
          <ac:grpSpMkLst>
            <pc:docMk/>
            <pc:sldMk cId="2017919804" sldId="896"/>
            <ac:grpSpMk id="3" creationId="{1A96CBF1-510B-17D6-6E3B-46D9C9451A54}"/>
          </ac:grpSpMkLst>
        </pc:grpChg>
        <pc:grpChg chg="add del mod">
          <ac:chgData name="Aluffi, Pietro" userId="810df28b-0e6a-47dc-86dd-8f68aed2c426" providerId="ADAL" clId="{1A807C71-F309-C34E-8EEF-897EDA475A1E}" dt="2023-03-25T12:04:58.677" v="4043" actId="164"/>
          <ac:grpSpMkLst>
            <pc:docMk/>
            <pc:sldMk cId="2017919804" sldId="896"/>
            <ac:grpSpMk id="12" creationId="{515E7CA8-D497-8107-B6A9-F460D2302A47}"/>
          </ac:grpSpMkLst>
        </pc:grpChg>
        <pc:grpChg chg="del mod">
          <ac:chgData name="Aluffi, Pietro" userId="810df28b-0e6a-47dc-86dd-8f68aed2c426" providerId="ADAL" clId="{1A807C71-F309-C34E-8EEF-897EDA475A1E}" dt="2023-03-25T12:03:45.424" v="4026" actId="478"/>
          <ac:grpSpMkLst>
            <pc:docMk/>
            <pc:sldMk cId="2017919804" sldId="896"/>
            <ac:grpSpMk id="15" creationId="{BF71C604-6F69-5CD0-1BF7-95527549ABE0}"/>
          </ac:grpSpMkLst>
        </pc:grpChg>
        <pc:grpChg chg="del mod">
          <ac:chgData name="Aluffi, Pietro" userId="810df28b-0e6a-47dc-86dd-8f68aed2c426" providerId="ADAL" clId="{1A807C71-F309-C34E-8EEF-897EDA475A1E}" dt="2023-03-25T12:03:59.055" v="4031" actId="478"/>
          <ac:grpSpMkLst>
            <pc:docMk/>
            <pc:sldMk cId="2017919804" sldId="896"/>
            <ac:grpSpMk id="16" creationId="{560E2218-C1C0-3FF9-3D98-2DC879D883FB}"/>
          </ac:grpSpMkLst>
        </pc:grpChg>
        <pc:grpChg chg="del">
          <ac:chgData name="Aluffi, Pietro" userId="810df28b-0e6a-47dc-86dd-8f68aed2c426" providerId="ADAL" clId="{1A807C71-F309-C34E-8EEF-897EDA475A1E}" dt="2023-03-25T11:56:18.168" v="3959" actId="478"/>
          <ac:grpSpMkLst>
            <pc:docMk/>
            <pc:sldMk cId="2017919804" sldId="896"/>
            <ac:grpSpMk id="17" creationId="{54F5D14F-2951-76B5-B644-5B9595F9CCD8}"/>
          </ac:grpSpMkLst>
        </pc:grpChg>
        <pc:grpChg chg="del">
          <ac:chgData name="Aluffi, Pietro" userId="810df28b-0e6a-47dc-86dd-8f68aed2c426" providerId="ADAL" clId="{1A807C71-F309-C34E-8EEF-897EDA475A1E}" dt="2023-03-25T11:56:17.208" v="3958" actId="478"/>
          <ac:grpSpMkLst>
            <pc:docMk/>
            <pc:sldMk cId="2017919804" sldId="896"/>
            <ac:grpSpMk id="18" creationId="{B8651B27-763A-39F2-0EF3-11FE81AF2C50}"/>
          </ac:grpSpMkLst>
        </pc:grpChg>
        <pc:grpChg chg="add del mod">
          <ac:chgData name="Aluffi, Pietro" userId="810df28b-0e6a-47dc-86dd-8f68aed2c426" providerId="ADAL" clId="{1A807C71-F309-C34E-8EEF-897EDA475A1E}" dt="2023-03-25T11:57:17.734" v="3992" actId="1076"/>
          <ac:grpSpMkLst>
            <pc:docMk/>
            <pc:sldMk cId="2017919804" sldId="896"/>
            <ac:grpSpMk id="19" creationId="{973EFCDF-1315-4FE6-2AE6-81EA830E48DB}"/>
          </ac:grpSpMkLst>
        </pc:grpChg>
        <pc:grpChg chg="add mod">
          <ac:chgData name="Aluffi, Pietro" userId="810df28b-0e6a-47dc-86dd-8f68aed2c426" providerId="ADAL" clId="{1A807C71-F309-C34E-8EEF-897EDA475A1E}" dt="2023-03-25T12:06:44.059" v="4049" actId="1076"/>
          <ac:grpSpMkLst>
            <pc:docMk/>
            <pc:sldMk cId="2017919804" sldId="896"/>
            <ac:grpSpMk id="28" creationId="{510AE81F-B40B-11DE-169A-85493294F00E}"/>
          </ac:grpSpMkLst>
        </pc:grpChg>
        <pc:picChg chg="del mod topLvl">
          <ac:chgData name="Aluffi, Pietro" userId="810df28b-0e6a-47dc-86dd-8f68aed2c426" providerId="ADAL" clId="{1A807C71-F309-C34E-8EEF-897EDA475A1E}" dt="2023-03-25T11:57:11.625" v="3991" actId="478"/>
          <ac:picMkLst>
            <pc:docMk/>
            <pc:sldMk cId="2017919804" sldId="896"/>
            <ac:picMk id="5" creationId="{4468EC46-0084-730E-2229-C3EB7251BA17}"/>
          </ac:picMkLst>
        </pc:picChg>
        <pc:picChg chg="add mod">
          <ac:chgData name="Aluffi, Pietro" userId="810df28b-0e6a-47dc-86dd-8f68aed2c426" providerId="ADAL" clId="{1A807C71-F309-C34E-8EEF-897EDA475A1E}" dt="2023-03-25T12:04:58.677" v="4043" actId="164"/>
          <ac:picMkLst>
            <pc:docMk/>
            <pc:sldMk cId="2017919804" sldId="896"/>
            <ac:picMk id="9" creationId="{988494C6-39FB-06E9-6CAA-8E9FB9CF58FE}"/>
          </ac:picMkLst>
        </pc:picChg>
        <pc:picChg chg="mod topLvl">
          <ac:chgData name="Aluffi, Pietro" userId="810df28b-0e6a-47dc-86dd-8f68aed2c426" providerId="ADAL" clId="{1A807C71-F309-C34E-8EEF-897EDA475A1E}" dt="2023-03-25T11:56:57.323" v="3988" actId="478"/>
          <ac:picMkLst>
            <pc:docMk/>
            <pc:sldMk cId="2017919804" sldId="896"/>
            <ac:picMk id="13" creationId="{F25C3FE6-6EC6-CE66-2EE6-33FD913CF73B}"/>
          </ac:picMkLst>
        </pc:picChg>
        <pc:picChg chg="add del mod">
          <ac:chgData name="Aluffi, Pietro" userId="810df28b-0e6a-47dc-86dd-8f68aed2c426" providerId="ADAL" clId="{1A807C71-F309-C34E-8EEF-897EDA475A1E}" dt="2023-03-25T12:03:39.818" v="4021"/>
          <ac:picMkLst>
            <pc:docMk/>
            <pc:sldMk cId="2017919804" sldId="896"/>
            <ac:picMk id="25" creationId="{BAB4B4E2-5F02-4858-806C-EBA031DD9736}"/>
          </ac:picMkLst>
        </pc:picChg>
        <pc:picChg chg="add mod">
          <ac:chgData name="Aluffi, Pietro" userId="810df28b-0e6a-47dc-86dd-8f68aed2c426" providerId="ADAL" clId="{1A807C71-F309-C34E-8EEF-897EDA475A1E}" dt="2023-03-25T14:25:59.788" v="4366" actId="1076"/>
          <ac:picMkLst>
            <pc:docMk/>
            <pc:sldMk cId="2017919804" sldId="896"/>
            <ac:picMk id="27" creationId="{BC1CF2A8-4C24-98CC-71D9-A1B902646BB5}"/>
          </ac:picMkLst>
        </pc:picChg>
        <pc:picChg chg="add del mod">
          <ac:chgData name="Aluffi, Pietro" userId="810df28b-0e6a-47dc-86dd-8f68aed2c426" providerId="ADAL" clId="{1A807C71-F309-C34E-8EEF-897EDA475A1E}" dt="2023-03-25T12:05:28.297" v="4046"/>
          <ac:picMkLst>
            <pc:docMk/>
            <pc:sldMk cId="2017919804" sldId="896"/>
            <ac:picMk id="29" creationId="{EE5FB234-F013-2D63-EE10-3D677456CE84}"/>
          </ac:picMkLst>
        </pc:picChg>
      </pc:sldChg>
      <pc:sldChg chg="addSp delSp modSp add mod">
        <pc:chgData name="Aluffi, Pietro" userId="810df28b-0e6a-47dc-86dd-8f68aed2c426" providerId="ADAL" clId="{1A807C71-F309-C34E-8EEF-897EDA475A1E}" dt="2023-03-27T11:05:14.707" v="6112" actId="14100"/>
        <pc:sldMkLst>
          <pc:docMk/>
          <pc:sldMk cId="2394562089" sldId="897"/>
        </pc:sldMkLst>
        <pc:spChg chg="add mod">
          <ac:chgData name="Aluffi, Pietro" userId="810df28b-0e6a-47dc-86dd-8f68aed2c426" providerId="ADAL" clId="{1A807C71-F309-C34E-8EEF-897EDA475A1E}" dt="2023-03-25T14:04:34.222" v="4168" actId="113"/>
          <ac:spMkLst>
            <pc:docMk/>
            <pc:sldMk cId="2394562089" sldId="897"/>
            <ac:spMk id="4" creationId="{D5545719-6383-C930-20AE-63382CC75750}"/>
          </ac:spMkLst>
        </pc:spChg>
        <pc:spChg chg="add mod">
          <ac:chgData name="Aluffi, Pietro" userId="810df28b-0e6a-47dc-86dd-8f68aed2c426" providerId="ADAL" clId="{1A807C71-F309-C34E-8EEF-897EDA475A1E}" dt="2023-03-27T11:05:03.509" v="6109" actId="14100"/>
          <ac:spMkLst>
            <pc:docMk/>
            <pc:sldMk cId="2394562089" sldId="897"/>
            <ac:spMk id="8" creationId="{70685CD7-27FF-96B5-EA2E-F838DD1D80C9}"/>
          </ac:spMkLst>
        </pc:spChg>
        <pc:spChg chg="add mod">
          <ac:chgData name="Aluffi, Pietro" userId="810df28b-0e6a-47dc-86dd-8f68aed2c426" providerId="ADAL" clId="{1A807C71-F309-C34E-8EEF-897EDA475A1E}" dt="2023-03-27T11:05:14.707" v="6112" actId="14100"/>
          <ac:spMkLst>
            <pc:docMk/>
            <pc:sldMk cId="2394562089" sldId="897"/>
            <ac:spMk id="15" creationId="{8E21DC37-4999-2EEB-E522-663275BAC099}"/>
          </ac:spMkLst>
        </pc:spChg>
        <pc:grpChg chg="mod">
          <ac:chgData name="Aluffi, Pietro" userId="810df28b-0e6a-47dc-86dd-8f68aed2c426" providerId="ADAL" clId="{1A807C71-F309-C34E-8EEF-897EDA475A1E}" dt="2023-03-25T12:22:58.818" v="4120" actId="1035"/>
          <ac:grpSpMkLst>
            <pc:docMk/>
            <pc:sldMk cId="2394562089" sldId="897"/>
            <ac:grpSpMk id="19" creationId="{973EFCDF-1315-4FE6-2AE6-81EA830E48DB}"/>
          </ac:grpSpMkLst>
        </pc:grpChg>
        <pc:grpChg chg="del mod">
          <ac:chgData name="Aluffi, Pietro" userId="810df28b-0e6a-47dc-86dd-8f68aed2c426" providerId="ADAL" clId="{1A807C71-F309-C34E-8EEF-897EDA475A1E}" dt="2023-03-25T12:09:04.934" v="4050" actId="478"/>
          <ac:grpSpMkLst>
            <pc:docMk/>
            <pc:sldMk cId="2394562089" sldId="897"/>
            <ac:grpSpMk id="28" creationId="{510AE81F-B40B-11DE-169A-85493294F00E}"/>
          </ac:grpSpMkLst>
        </pc:grpChg>
        <pc:picChg chg="add mod">
          <ac:chgData name="Aluffi, Pietro" userId="810df28b-0e6a-47dc-86dd-8f68aed2c426" providerId="ADAL" clId="{1A807C71-F309-C34E-8EEF-897EDA475A1E}" dt="2023-03-25T12:16:03.696" v="4083" actId="1076"/>
          <ac:picMkLst>
            <pc:docMk/>
            <pc:sldMk cId="2394562089" sldId="897"/>
            <ac:picMk id="7" creationId="{DC361973-A76F-0253-56D2-64A6373356AF}"/>
          </ac:picMkLst>
        </pc:picChg>
        <pc:picChg chg="add mod">
          <ac:chgData name="Aluffi, Pietro" userId="810df28b-0e6a-47dc-86dd-8f68aed2c426" providerId="ADAL" clId="{1A807C71-F309-C34E-8EEF-897EDA475A1E}" dt="2023-03-25T12:16:42.382" v="4090" actId="1076"/>
          <ac:picMkLst>
            <pc:docMk/>
            <pc:sldMk cId="2394562089" sldId="897"/>
            <ac:picMk id="11" creationId="{B5871C50-E59C-9DFD-2CA8-99D7B608B03C}"/>
          </ac:picMkLst>
        </pc:picChg>
      </pc:sldChg>
      <pc:sldChg chg="addSp delSp modSp add mod modNotesTx">
        <pc:chgData name="Aluffi, Pietro" userId="810df28b-0e6a-47dc-86dd-8f68aed2c426" providerId="ADAL" clId="{1A807C71-F309-C34E-8EEF-897EDA475A1E}" dt="2023-03-27T20:34:14.280" v="8624" actId="20577"/>
        <pc:sldMkLst>
          <pc:docMk/>
          <pc:sldMk cId="945118465" sldId="898"/>
        </pc:sldMkLst>
        <pc:spChg chg="mod">
          <ac:chgData name="Aluffi, Pietro" userId="810df28b-0e6a-47dc-86dd-8f68aed2c426" providerId="ADAL" clId="{1A807C71-F309-C34E-8EEF-897EDA475A1E}" dt="2023-03-25T14:48:36.566" v="4386" actId="20577"/>
          <ac:spMkLst>
            <pc:docMk/>
            <pc:sldMk cId="945118465" sldId="898"/>
            <ac:spMk id="2" creationId="{4EF9789A-4335-4577-AF25-1CB52F39AA43}"/>
          </ac:spMkLst>
        </pc:spChg>
        <pc:spChg chg="add del mod">
          <ac:chgData name="Aluffi, Pietro" userId="810df28b-0e6a-47dc-86dd-8f68aed2c426" providerId="ADAL" clId="{1A807C71-F309-C34E-8EEF-897EDA475A1E}" dt="2023-03-26T05:28:54.184" v="5809"/>
          <ac:spMkLst>
            <pc:docMk/>
            <pc:sldMk cId="945118465" sldId="898"/>
            <ac:spMk id="4" creationId="{6C69183C-B73D-704E-E3B4-8A0E90B6F8D9}"/>
          </ac:spMkLst>
        </pc:spChg>
        <pc:spChg chg="del">
          <ac:chgData name="Aluffi, Pietro" userId="810df28b-0e6a-47dc-86dd-8f68aed2c426" providerId="ADAL" clId="{1A807C71-F309-C34E-8EEF-897EDA475A1E}" dt="2023-03-25T14:02:15.619" v="4124" actId="478"/>
          <ac:spMkLst>
            <pc:docMk/>
            <pc:sldMk cId="945118465" sldId="898"/>
            <ac:spMk id="4" creationId="{D5545719-6383-C930-20AE-63382CC75750}"/>
          </ac:spMkLst>
        </pc:spChg>
        <pc:spChg chg="add mod">
          <ac:chgData name="Aluffi, Pietro" userId="810df28b-0e6a-47dc-86dd-8f68aed2c426" providerId="ADAL" clId="{1A807C71-F309-C34E-8EEF-897EDA475A1E}" dt="2023-03-27T20:34:14.280" v="8624" actId="20577"/>
          <ac:spMkLst>
            <pc:docMk/>
            <pc:sldMk cId="945118465" sldId="898"/>
            <ac:spMk id="4" creationId="{F8FBB27D-7F14-D9AC-C940-A72F8CB248EA}"/>
          </ac:spMkLst>
        </pc:spChg>
        <pc:spChg chg="add del mod">
          <ac:chgData name="Aluffi, Pietro" userId="810df28b-0e6a-47dc-86dd-8f68aed2c426" providerId="ADAL" clId="{1A807C71-F309-C34E-8EEF-897EDA475A1E}" dt="2023-03-25T14:03:32.742" v="4162" actId="478"/>
          <ac:spMkLst>
            <pc:docMk/>
            <pc:sldMk cId="945118465" sldId="898"/>
            <ac:spMk id="6" creationId="{C3F99BAB-8D5C-BD84-C614-C6750D6E61A8}"/>
          </ac:spMkLst>
        </pc:spChg>
        <pc:spChg chg="del">
          <ac:chgData name="Aluffi, Pietro" userId="810df28b-0e6a-47dc-86dd-8f68aed2c426" providerId="ADAL" clId="{1A807C71-F309-C34E-8EEF-897EDA475A1E}" dt="2023-03-25T14:02:15.619" v="4124" actId="478"/>
          <ac:spMkLst>
            <pc:docMk/>
            <pc:sldMk cId="945118465" sldId="898"/>
            <ac:spMk id="8" creationId="{70685CD7-27FF-96B5-EA2E-F838DD1D80C9}"/>
          </ac:spMkLst>
        </pc:spChg>
        <pc:spChg chg="mod">
          <ac:chgData name="Aluffi, Pietro" userId="810df28b-0e6a-47dc-86dd-8f68aed2c426" providerId="ADAL" clId="{1A807C71-F309-C34E-8EEF-897EDA475A1E}" dt="2023-03-25T14:02:16.095" v="4125"/>
          <ac:spMkLst>
            <pc:docMk/>
            <pc:sldMk cId="945118465" sldId="898"/>
            <ac:spMk id="12" creationId="{CEDA47E6-3F53-E055-438C-EAC8C60B4842}"/>
          </ac:spMkLst>
        </pc:spChg>
        <pc:spChg chg="del">
          <ac:chgData name="Aluffi, Pietro" userId="810df28b-0e6a-47dc-86dd-8f68aed2c426" providerId="ADAL" clId="{1A807C71-F309-C34E-8EEF-897EDA475A1E}" dt="2023-03-25T14:02:15.619" v="4124" actId="478"/>
          <ac:spMkLst>
            <pc:docMk/>
            <pc:sldMk cId="945118465" sldId="898"/>
            <ac:spMk id="15" creationId="{8E21DC37-4999-2EEB-E522-663275BAC099}"/>
          </ac:spMkLst>
        </pc:spChg>
        <pc:spChg chg="add mod">
          <ac:chgData name="Aluffi, Pietro" userId="810df28b-0e6a-47dc-86dd-8f68aed2c426" providerId="ADAL" clId="{1A807C71-F309-C34E-8EEF-897EDA475A1E}" dt="2023-03-27T12:34:26.104" v="8573" actId="20577"/>
          <ac:spMkLst>
            <pc:docMk/>
            <pc:sldMk cId="945118465" sldId="898"/>
            <ac:spMk id="20" creationId="{41EFA869-39D8-2966-BA6A-A669D43E8E63}"/>
          </ac:spMkLst>
        </pc:spChg>
        <pc:spChg chg="add mod">
          <ac:chgData name="Aluffi, Pietro" userId="810df28b-0e6a-47dc-86dd-8f68aed2c426" providerId="ADAL" clId="{1A807C71-F309-C34E-8EEF-897EDA475A1E}" dt="2023-03-27T12:34:32.518" v="8583" actId="20577"/>
          <ac:spMkLst>
            <pc:docMk/>
            <pc:sldMk cId="945118465" sldId="898"/>
            <ac:spMk id="21" creationId="{16C69921-31A3-AFE1-A435-41A51E522F7D}"/>
          </ac:spMkLst>
        </pc:spChg>
        <pc:spChg chg="add mod">
          <ac:chgData name="Aluffi, Pietro" userId="810df28b-0e6a-47dc-86dd-8f68aed2c426" providerId="ADAL" clId="{1A807C71-F309-C34E-8EEF-897EDA475A1E}" dt="2023-03-27T12:34:29.626" v="8578" actId="20577"/>
          <ac:spMkLst>
            <pc:docMk/>
            <pc:sldMk cId="945118465" sldId="898"/>
            <ac:spMk id="22" creationId="{EEE97AAB-995A-3303-56AA-F1936868CF12}"/>
          </ac:spMkLst>
        </pc:spChg>
        <pc:spChg chg="add mod">
          <ac:chgData name="Aluffi, Pietro" userId="810df28b-0e6a-47dc-86dd-8f68aed2c426" providerId="ADAL" clId="{1A807C71-F309-C34E-8EEF-897EDA475A1E}" dt="2023-03-25T14:21:35.492" v="4305" actId="207"/>
          <ac:spMkLst>
            <pc:docMk/>
            <pc:sldMk cId="945118465" sldId="898"/>
            <ac:spMk id="23" creationId="{35A6C7B1-27EF-EE9A-B749-F0ADF1EBC763}"/>
          </ac:spMkLst>
        </pc:spChg>
        <pc:spChg chg="add mod">
          <ac:chgData name="Aluffi, Pietro" userId="810df28b-0e6a-47dc-86dd-8f68aed2c426" providerId="ADAL" clId="{1A807C71-F309-C34E-8EEF-897EDA475A1E}" dt="2023-03-25T14:21:35.492" v="4305" actId="207"/>
          <ac:spMkLst>
            <pc:docMk/>
            <pc:sldMk cId="945118465" sldId="898"/>
            <ac:spMk id="24" creationId="{54704F2F-4455-3F49-7950-2C00F6A6C339}"/>
          </ac:spMkLst>
        </pc:spChg>
        <pc:spChg chg="add mod">
          <ac:chgData name="Aluffi, Pietro" userId="810df28b-0e6a-47dc-86dd-8f68aed2c426" providerId="ADAL" clId="{1A807C71-F309-C34E-8EEF-897EDA475A1E}" dt="2023-03-25T14:21:35.492" v="4305" actId="207"/>
          <ac:spMkLst>
            <pc:docMk/>
            <pc:sldMk cId="945118465" sldId="898"/>
            <ac:spMk id="25" creationId="{5B07E31E-AE53-0781-328A-23221D068C2A}"/>
          </ac:spMkLst>
        </pc:spChg>
        <pc:spChg chg="add mod">
          <ac:chgData name="Aluffi, Pietro" userId="810df28b-0e6a-47dc-86dd-8f68aed2c426" providerId="ADAL" clId="{1A807C71-F309-C34E-8EEF-897EDA475A1E}" dt="2023-03-27T18:31:20.565" v="8599" actId="207"/>
          <ac:spMkLst>
            <pc:docMk/>
            <pc:sldMk cId="945118465" sldId="898"/>
            <ac:spMk id="64" creationId="{FB252F77-AFDC-FD3B-0E27-14362FE40A5D}"/>
          </ac:spMkLst>
        </pc:spChg>
        <pc:spChg chg="add mod">
          <ac:chgData name="Aluffi, Pietro" userId="810df28b-0e6a-47dc-86dd-8f68aed2c426" providerId="ADAL" clId="{1A807C71-F309-C34E-8EEF-897EDA475A1E}" dt="2023-03-27T18:31:17.782" v="8598" actId="207"/>
          <ac:spMkLst>
            <pc:docMk/>
            <pc:sldMk cId="945118465" sldId="898"/>
            <ac:spMk id="65" creationId="{93A794D9-95B5-C281-CC84-710304F3EA43}"/>
          </ac:spMkLst>
        </pc:spChg>
        <pc:spChg chg="add del mod">
          <ac:chgData name="Aluffi, Pietro" userId="810df28b-0e6a-47dc-86dd-8f68aed2c426" providerId="ADAL" clId="{1A807C71-F309-C34E-8EEF-897EDA475A1E}" dt="2023-03-27T20:34:09.099" v="8621" actId="1076"/>
          <ac:spMkLst>
            <pc:docMk/>
            <pc:sldMk cId="945118465" sldId="898"/>
            <ac:spMk id="66" creationId="{3342B107-58E6-2FEA-1180-6FA81E5C4007}"/>
          </ac:spMkLst>
        </pc:spChg>
        <pc:grpChg chg="add del mod">
          <ac:chgData name="Aluffi, Pietro" userId="810df28b-0e6a-47dc-86dd-8f68aed2c426" providerId="ADAL" clId="{1A807C71-F309-C34E-8EEF-897EDA475A1E}" dt="2023-03-25T14:03:43.180" v="4165" actId="164"/>
          <ac:grpSpMkLst>
            <pc:docMk/>
            <pc:sldMk cId="945118465" sldId="898"/>
            <ac:grpSpMk id="3" creationId="{39ADEFF1-04DD-00A0-02D9-E2CE676AADCB}"/>
          </ac:grpSpMkLst>
        </pc:grpChg>
        <pc:grpChg chg="add del mod">
          <ac:chgData name="Aluffi, Pietro" userId="810df28b-0e6a-47dc-86dd-8f68aed2c426" providerId="ADAL" clId="{1A807C71-F309-C34E-8EEF-897EDA475A1E}" dt="2023-03-25T14:03:43.180" v="4165" actId="164"/>
          <ac:grpSpMkLst>
            <pc:docMk/>
            <pc:sldMk cId="945118465" sldId="898"/>
            <ac:grpSpMk id="10" creationId="{EE5A66E7-7F14-CDE1-4919-1018E898D356}"/>
          </ac:grpSpMkLst>
        </pc:grpChg>
        <pc:grpChg chg="add mod">
          <ac:chgData name="Aluffi, Pietro" userId="810df28b-0e6a-47dc-86dd-8f68aed2c426" providerId="ADAL" clId="{1A807C71-F309-C34E-8EEF-897EDA475A1E}" dt="2023-03-25T14:18:44.912" v="4233" actId="1076"/>
          <ac:grpSpMkLst>
            <pc:docMk/>
            <pc:sldMk cId="945118465" sldId="898"/>
            <ac:grpSpMk id="18" creationId="{FC4FD077-6E1A-1A98-4FD8-45B7FDD51EB9}"/>
          </ac:grpSpMkLst>
        </pc:grpChg>
        <pc:grpChg chg="del">
          <ac:chgData name="Aluffi, Pietro" userId="810df28b-0e6a-47dc-86dd-8f68aed2c426" providerId="ADAL" clId="{1A807C71-F309-C34E-8EEF-897EDA475A1E}" dt="2023-03-25T14:02:13.851" v="4123" actId="478"/>
          <ac:grpSpMkLst>
            <pc:docMk/>
            <pc:sldMk cId="945118465" sldId="898"/>
            <ac:grpSpMk id="19" creationId="{973EFCDF-1315-4FE6-2AE6-81EA830E48DB}"/>
          </ac:grpSpMkLst>
        </pc:grpChg>
        <pc:picChg chg="mod">
          <ac:chgData name="Aluffi, Pietro" userId="810df28b-0e6a-47dc-86dd-8f68aed2c426" providerId="ADAL" clId="{1A807C71-F309-C34E-8EEF-897EDA475A1E}" dt="2023-03-25T14:19:01.493" v="4236" actId="1076"/>
          <ac:picMkLst>
            <pc:docMk/>
            <pc:sldMk cId="945118465" sldId="898"/>
            <ac:picMk id="5" creationId="{C18E1A0A-9BD6-5950-9ADA-2BBA0328781D}"/>
          </ac:picMkLst>
        </pc:picChg>
        <pc:picChg chg="del">
          <ac:chgData name="Aluffi, Pietro" userId="810df28b-0e6a-47dc-86dd-8f68aed2c426" providerId="ADAL" clId="{1A807C71-F309-C34E-8EEF-897EDA475A1E}" dt="2023-03-25T14:02:12.617" v="4122" actId="478"/>
          <ac:picMkLst>
            <pc:docMk/>
            <pc:sldMk cId="945118465" sldId="898"/>
            <ac:picMk id="7" creationId="{DC361973-A76F-0253-56D2-64A6373356AF}"/>
          </ac:picMkLst>
        </pc:picChg>
        <pc:picChg chg="mod">
          <ac:chgData name="Aluffi, Pietro" userId="810df28b-0e6a-47dc-86dd-8f68aed2c426" providerId="ADAL" clId="{1A807C71-F309-C34E-8EEF-897EDA475A1E}" dt="2023-03-25T14:02:16.095" v="4125"/>
          <ac:picMkLst>
            <pc:docMk/>
            <pc:sldMk cId="945118465" sldId="898"/>
            <ac:picMk id="9" creationId="{E391485F-E00F-2FF6-DDF1-71F696615A40}"/>
          </ac:picMkLst>
        </pc:picChg>
        <pc:picChg chg="del">
          <ac:chgData name="Aluffi, Pietro" userId="810df28b-0e6a-47dc-86dd-8f68aed2c426" providerId="ADAL" clId="{1A807C71-F309-C34E-8EEF-897EDA475A1E}" dt="2023-03-25T14:02:12.617" v="4122" actId="478"/>
          <ac:picMkLst>
            <pc:docMk/>
            <pc:sldMk cId="945118465" sldId="898"/>
            <ac:picMk id="11" creationId="{B5871C50-E59C-9DFD-2CA8-99D7B608B03C}"/>
          </ac:picMkLst>
        </pc:picChg>
        <pc:picChg chg="mod">
          <ac:chgData name="Aluffi, Pietro" userId="810df28b-0e6a-47dc-86dd-8f68aed2c426" providerId="ADAL" clId="{1A807C71-F309-C34E-8EEF-897EDA475A1E}" dt="2023-03-25T14:02:16.095" v="4125"/>
          <ac:picMkLst>
            <pc:docMk/>
            <pc:sldMk cId="945118465" sldId="898"/>
            <ac:picMk id="16" creationId="{359A3AC7-F276-7195-5ABB-3ADD5F304423}"/>
          </ac:picMkLst>
        </pc:picChg>
        <pc:picChg chg="add del mod">
          <ac:chgData name="Aluffi, Pietro" userId="810df28b-0e6a-47dc-86dd-8f68aed2c426" providerId="ADAL" clId="{1A807C71-F309-C34E-8EEF-897EDA475A1E}" dt="2023-03-25T14:03:43.180" v="4165" actId="164"/>
          <ac:picMkLst>
            <pc:docMk/>
            <pc:sldMk cId="945118465" sldId="898"/>
            <ac:picMk id="17" creationId="{2D631D4E-E913-6383-8FB3-41D36CF09B8A}"/>
          </ac:picMkLst>
        </pc:picChg>
        <pc:picChg chg="add mod">
          <ac:chgData name="Aluffi, Pietro" userId="810df28b-0e6a-47dc-86dd-8f68aed2c426" providerId="ADAL" clId="{1A807C71-F309-C34E-8EEF-897EDA475A1E}" dt="2023-03-25T14:19:19.995" v="4240" actId="1076"/>
          <ac:picMkLst>
            <pc:docMk/>
            <pc:sldMk cId="945118465" sldId="898"/>
            <ac:picMk id="27" creationId="{C8F60642-6691-5B3F-FE12-0AD491A7F02A}"/>
          </ac:picMkLst>
        </pc:picChg>
        <pc:cxnChg chg="add del mod">
          <ac:chgData name="Aluffi, Pietro" userId="810df28b-0e6a-47dc-86dd-8f68aed2c426" providerId="ADAL" clId="{1A807C71-F309-C34E-8EEF-897EDA475A1E}" dt="2023-03-25T14:17:39.902" v="4222" actId="11529"/>
          <ac:cxnSpMkLst>
            <pc:docMk/>
            <pc:sldMk cId="945118465" sldId="898"/>
            <ac:cxnSpMk id="29" creationId="{69253319-9977-BFCA-9D7B-BB7B76949D56}"/>
          </ac:cxnSpMkLst>
        </pc:cxnChg>
        <pc:cxnChg chg="add mod">
          <ac:chgData name="Aluffi, Pietro" userId="810df28b-0e6a-47dc-86dd-8f68aed2c426" providerId="ADAL" clId="{1A807C71-F309-C34E-8EEF-897EDA475A1E}" dt="2023-03-27T12:34:25.197" v="8570" actId="20577"/>
          <ac:cxnSpMkLst>
            <pc:docMk/>
            <pc:sldMk cId="945118465" sldId="898"/>
            <ac:cxnSpMk id="31" creationId="{6F0C1879-D3D9-5CC6-0904-D8C68C6A81D9}"/>
          </ac:cxnSpMkLst>
        </pc:cxnChg>
        <pc:cxnChg chg="add del mod">
          <ac:chgData name="Aluffi, Pietro" userId="810df28b-0e6a-47dc-86dd-8f68aed2c426" providerId="ADAL" clId="{1A807C71-F309-C34E-8EEF-897EDA475A1E}" dt="2023-03-25T14:18:46.471" v="4234" actId="478"/>
          <ac:cxnSpMkLst>
            <pc:docMk/>
            <pc:sldMk cId="945118465" sldId="898"/>
            <ac:cxnSpMk id="33" creationId="{14FD5002-267C-7FAB-393A-D0CE4A5C5A8D}"/>
          </ac:cxnSpMkLst>
        </pc:cxnChg>
        <pc:cxnChg chg="add mod">
          <ac:chgData name="Aluffi, Pietro" userId="810df28b-0e6a-47dc-86dd-8f68aed2c426" providerId="ADAL" clId="{1A807C71-F309-C34E-8EEF-897EDA475A1E}" dt="2023-03-25T14:19:25.956" v="4241" actId="1076"/>
          <ac:cxnSpMkLst>
            <pc:docMk/>
            <pc:sldMk cId="945118465" sldId="898"/>
            <ac:cxnSpMk id="37" creationId="{FDB3FA5E-54D9-8BFD-B4B0-9EC5B33634C5}"/>
          </ac:cxnSpMkLst>
        </pc:cxnChg>
        <pc:cxnChg chg="add mod">
          <ac:chgData name="Aluffi, Pietro" userId="810df28b-0e6a-47dc-86dd-8f68aed2c426" providerId="ADAL" clId="{1A807C71-F309-C34E-8EEF-897EDA475A1E}" dt="2023-03-25T14:19:19.995" v="4240" actId="1076"/>
          <ac:cxnSpMkLst>
            <pc:docMk/>
            <pc:sldMk cId="945118465" sldId="898"/>
            <ac:cxnSpMk id="47" creationId="{838D6009-A39C-3FA9-35D1-73FBF6D2F32D}"/>
          </ac:cxnSpMkLst>
        </pc:cxnChg>
        <pc:cxnChg chg="add mod">
          <ac:chgData name="Aluffi, Pietro" userId="810df28b-0e6a-47dc-86dd-8f68aed2c426" providerId="ADAL" clId="{1A807C71-F309-C34E-8EEF-897EDA475A1E}" dt="2023-03-25T14:20:31.658" v="4250" actId="1076"/>
          <ac:cxnSpMkLst>
            <pc:docMk/>
            <pc:sldMk cId="945118465" sldId="898"/>
            <ac:cxnSpMk id="56" creationId="{5F9AEE89-59D6-4880-8C89-CA414B82C1EB}"/>
          </ac:cxnSpMkLst>
        </pc:cxnChg>
        <pc:cxnChg chg="add mod">
          <ac:chgData name="Aluffi, Pietro" userId="810df28b-0e6a-47dc-86dd-8f68aed2c426" providerId="ADAL" clId="{1A807C71-F309-C34E-8EEF-897EDA475A1E}" dt="2023-03-25T14:20:26.443" v="4249" actId="1076"/>
          <ac:cxnSpMkLst>
            <pc:docMk/>
            <pc:sldMk cId="945118465" sldId="898"/>
            <ac:cxnSpMk id="58" creationId="{3ECB040D-07A3-96EF-138A-FA60F46EC5EB}"/>
          </ac:cxnSpMkLst>
        </pc:cxnChg>
        <pc:cxnChg chg="add mod">
          <ac:chgData name="Aluffi, Pietro" userId="810df28b-0e6a-47dc-86dd-8f68aed2c426" providerId="ADAL" clId="{1A807C71-F309-C34E-8EEF-897EDA475A1E}" dt="2023-03-25T14:20:20.077" v="4248" actId="1076"/>
          <ac:cxnSpMkLst>
            <pc:docMk/>
            <pc:sldMk cId="945118465" sldId="898"/>
            <ac:cxnSpMk id="60" creationId="{D6A3BB1D-9C9F-C186-1925-85842F197BB1}"/>
          </ac:cxnSpMkLst>
        </pc:cxnChg>
      </pc:sldChg>
      <pc:sldChg chg="addSp delSp modSp add mod">
        <pc:chgData name="Aluffi, Pietro" userId="810df28b-0e6a-47dc-86dd-8f68aed2c426" providerId="ADAL" clId="{1A807C71-F309-C34E-8EEF-897EDA475A1E}" dt="2023-03-25T17:09:17.566" v="4591" actId="164"/>
        <pc:sldMkLst>
          <pc:docMk/>
          <pc:sldMk cId="2840808298" sldId="899"/>
        </pc:sldMkLst>
        <pc:spChg chg="add del mod">
          <ac:chgData name="Aluffi, Pietro" userId="810df28b-0e6a-47dc-86dd-8f68aed2c426" providerId="ADAL" clId="{1A807C71-F309-C34E-8EEF-897EDA475A1E}" dt="2023-03-25T14:59:38.779" v="4470" actId="478"/>
          <ac:spMkLst>
            <pc:docMk/>
            <pc:sldMk cId="2840808298" sldId="899"/>
            <ac:spMk id="2" creationId="{4EF9789A-4335-4577-AF25-1CB52F39AA43}"/>
          </ac:spMkLst>
        </pc:spChg>
        <pc:spChg chg="add del mod">
          <ac:chgData name="Aluffi, Pietro" userId="810df28b-0e6a-47dc-86dd-8f68aed2c426" providerId="ADAL" clId="{1A807C71-F309-C34E-8EEF-897EDA475A1E}" dt="2023-03-25T14:57:40.757" v="4403" actId="478"/>
          <ac:spMkLst>
            <pc:docMk/>
            <pc:sldMk cId="2840808298" sldId="899"/>
            <ac:spMk id="6" creationId="{03149AF5-DF0C-6286-2B8F-C7E549FE3247}"/>
          </ac:spMkLst>
        </pc:spChg>
        <pc:spChg chg="add del mod">
          <ac:chgData name="Aluffi, Pietro" userId="810df28b-0e6a-47dc-86dd-8f68aed2c426" providerId="ADAL" clId="{1A807C71-F309-C34E-8EEF-897EDA475A1E}" dt="2023-03-25T14:59:48.416" v="4475" actId="478"/>
          <ac:spMkLst>
            <pc:docMk/>
            <pc:sldMk cId="2840808298" sldId="899"/>
            <ac:spMk id="7" creationId="{8516A60F-AF7D-004F-C41E-C4F1DB63DE2E}"/>
          </ac:spMkLst>
        </pc:spChg>
        <pc:spChg chg="add del mod">
          <ac:chgData name="Aluffi, Pietro" userId="810df28b-0e6a-47dc-86dd-8f68aed2c426" providerId="ADAL" clId="{1A807C71-F309-C34E-8EEF-897EDA475A1E}" dt="2023-03-25T14:59:44.256" v="4473" actId="478"/>
          <ac:spMkLst>
            <pc:docMk/>
            <pc:sldMk cId="2840808298" sldId="899"/>
            <ac:spMk id="11" creationId="{0BF0DA8D-5C9B-D252-51B6-B7F63CE6C49E}"/>
          </ac:spMkLst>
        </pc:spChg>
        <pc:spChg chg="add mod">
          <ac:chgData name="Aluffi, Pietro" userId="810df28b-0e6a-47dc-86dd-8f68aed2c426" providerId="ADAL" clId="{1A807C71-F309-C34E-8EEF-897EDA475A1E}" dt="2023-03-25T17:02:26.471" v="4576" actId="20577"/>
          <ac:spMkLst>
            <pc:docMk/>
            <pc:sldMk cId="2840808298" sldId="899"/>
            <ac:spMk id="13" creationId="{ECABD617-B808-C85A-C286-0BE863B08540}"/>
          </ac:spMkLst>
        </pc:spChg>
        <pc:spChg chg="del mod">
          <ac:chgData name="Aluffi, Pietro" userId="810df28b-0e6a-47dc-86dd-8f68aed2c426" providerId="ADAL" clId="{1A807C71-F309-C34E-8EEF-897EDA475A1E}" dt="2023-03-25T14:48:16.042" v="4371" actId="478"/>
          <ac:spMkLst>
            <pc:docMk/>
            <pc:sldMk cId="2840808298" sldId="899"/>
            <ac:spMk id="20" creationId="{41EFA869-39D8-2966-BA6A-A669D43E8E63}"/>
          </ac:spMkLst>
        </pc:spChg>
        <pc:spChg chg="del mod">
          <ac:chgData name="Aluffi, Pietro" userId="810df28b-0e6a-47dc-86dd-8f68aed2c426" providerId="ADAL" clId="{1A807C71-F309-C34E-8EEF-897EDA475A1E}" dt="2023-03-25T14:48:22.799" v="4378" actId="478"/>
          <ac:spMkLst>
            <pc:docMk/>
            <pc:sldMk cId="2840808298" sldId="899"/>
            <ac:spMk id="21" creationId="{16C69921-31A3-AFE1-A435-41A51E522F7D}"/>
          </ac:spMkLst>
        </pc:spChg>
        <pc:spChg chg="del mod">
          <ac:chgData name="Aluffi, Pietro" userId="810df28b-0e6a-47dc-86dd-8f68aed2c426" providerId="ADAL" clId="{1A807C71-F309-C34E-8EEF-897EDA475A1E}" dt="2023-03-25T14:48:18.019" v="4373" actId="478"/>
          <ac:spMkLst>
            <pc:docMk/>
            <pc:sldMk cId="2840808298" sldId="899"/>
            <ac:spMk id="22" creationId="{EEE97AAB-995A-3303-56AA-F1936868CF12}"/>
          </ac:spMkLst>
        </pc:spChg>
        <pc:spChg chg="del">
          <ac:chgData name="Aluffi, Pietro" userId="810df28b-0e6a-47dc-86dd-8f68aed2c426" providerId="ADAL" clId="{1A807C71-F309-C34E-8EEF-897EDA475A1E}" dt="2023-03-25T14:57:16.418" v="4392" actId="478"/>
          <ac:spMkLst>
            <pc:docMk/>
            <pc:sldMk cId="2840808298" sldId="899"/>
            <ac:spMk id="23" creationId="{35A6C7B1-27EF-EE9A-B749-F0ADF1EBC763}"/>
          </ac:spMkLst>
        </pc:spChg>
        <pc:spChg chg="del">
          <ac:chgData name="Aluffi, Pietro" userId="810df28b-0e6a-47dc-86dd-8f68aed2c426" providerId="ADAL" clId="{1A807C71-F309-C34E-8EEF-897EDA475A1E}" dt="2023-03-25T14:57:12.742" v="4389" actId="478"/>
          <ac:spMkLst>
            <pc:docMk/>
            <pc:sldMk cId="2840808298" sldId="899"/>
            <ac:spMk id="24" creationId="{54704F2F-4455-3F49-7950-2C00F6A6C339}"/>
          </ac:spMkLst>
        </pc:spChg>
        <pc:spChg chg="del mod">
          <ac:chgData name="Aluffi, Pietro" userId="810df28b-0e6a-47dc-86dd-8f68aed2c426" providerId="ADAL" clId="{1A807C71-F309-C34E-8EEF-897EDA475A1E}" dt="2023-03-25T14:57:42.340" v="4404" actId="478"/>
          <ac:spMkLst>
            <pc:docMk/>
            <pc:sldMk cId="2840808298" sldId="899"/>
            <ac:spMk id="25" creationId="{5B07E31E-AE53-0781-328A-23221D068C2A}"/>
          </ac:spMkLst>
        </pc:spChg>
        <pc:spChg chg="add mod">
          <ac:chgData name="Aluffi, Pietro" userId="810df28b-0e6a-47dc-86dd-8f68aed2c426" providerId="ADAL" clId="{1A807C71-F309-C34E-8EEF-897EDA475A1E}" dt="2023-03-25T17:09:17.566" v="4591" actId="164"/>
          <ac:spMkLst>
            <pc:docMk/>
            <pc:sldMk cId="2840808298" sldId="899"/>
            <ac:spMk id="28" creationId="{C4F84786-66D8-E755-E467-7EA346016B73}"/>
          </ac:spMkLst>
        </pc:spChg>
        <pc:spChg chg="del">
          <ac:chgData name="Aluffi, Pietro" userId="810df28b-0e6a-47dc-86dd-8f68aed2c426" providerId="ADAL" clId="{1A807C71-F309-C34E-8EEF-897EDA475A1E}" dt="2023-03-25T14:57:15.506" v="4391" actId="478"/>
          <ac:spMkLst>
            <pc:docMk/>
            <pc:sldMk cId="2840808298" sldId="899"/>
            <ac:spMk id="64" creationId="{FB252F77-AFDC-FD3B-0E27-14362FE40A5D}"/>
          </ac:spMkLst>
        </pc:spChg>
        <pc:spChg chg="del">
          <ac:chgData name="Aluffi, Pietro" userId="810df28b-0e6a-47dc-86dd-8f68aed2c426" providerId="ADAL" clId="{1A807C71-F309-C34E-8EEF-897EDA475A1E}" dt="2023-03-25T14:57:20.012" v="4394" actId="478"/>
          <ac:spMkLst>
            <pc:docMk/>
            <pc:sldMk cId="2840808298" sldId="899"/>
            <ac:spMk id="65" creationId="{93A794D9-95B5-C281-CC84-710304F3EA43}"/>
          </ac:spMkLst>
        </pc:spChg>
        <pc:spChg chg="del">
          <ac:chgData name="Aluffi, Pietro" userId="810df28b-0e6a-47dc-86dd-8f68aed2c426" providerId="ADAL" clId="{1A807C71-F309-C34E-8EEF-897EDA475A1E}" dt="2023-03-25T14:57:17.350" v="4393" actId="478"/>
          <ac:spMkLst>
            <pc:docMk/>
            <pc:sldMk cId="2840808298" sldId="899"/>
            <ac:spMk id="66" creationId="{3342B107-58E6-2FEA-1180-6FA81E5C4007}"/>
          </ac:spMkLst>
        </pc:spChg>
        <pc:grpChg chg="del">
          <ac:chgData name="Aluffi, Pietro" userId="810df28b-0e6a-47dc-86dd-8f68aed2c426" providerId="ADAL" clId="{1A807C71-F309-C34E-8EEF-897EDA475A1E}" dt="2023-03-25T14:48:13.651" v="4368" actId="478"/>
          <ac:grpSpMkLst>
            <pc:docMk/>
            <pc:sldMk cId="2840808298" sldId="899"/>
            <ac:grpSpMk id="18" creationId="{FC4FD077-6E1A-1A98-4FD8-45B7FDD51EB9}"/>
          </ac:grpSpMkLst>
        </pc:grpChg>
        <pc:grpChg chg="add mod">
          <ac:chgData name="Aluffi, Pietro" userId="810df28b-0e6a-47dc-86dd-8f68aed2c426" providerId="ADAL" clId="{1A807C71-F309-C34E-8EEF-897EDA475A1E}" dt="2023-03-25T17:09:17.566" v="4591" actId="164"/>
          <ac:grpSpMkLst>
            <pc:docMk/>
            <pc:sldMk cId="2840808298" sldId="899"/>
            <ac:grpSpMk id="29" creationId="{FE27FA58-B615-FAF4-2215-52DCE4989422}"/>
          </ac:grpSpMkLst>
        </pc:grpChg>
        <pc:picChg chg="add mod">
          <ac:chgData name="Aluffi, Pietro" userId="810df28b-0e6a-47dc-86dd-8f68aed2c426" providerId="ADAL" clId="{1A807C71-F309-C34E-8EEF-897EDA475A1E}" dt="2023-03-25T17:09:08.358" v="4590" actId="1076"/>
          <ac:picMkLst>
            <pc:docMk/>
            <pc:sldMk cId="2840808298" sldId="899"/>
            <ac:picMk id="15" creationId="{3B6DE208-029F-1411-2CE1-8F85BD46242E}"/>
          </ac:picMkLst>
        </pc:picChg>
        <pc:picChg chg="add mod">
          <ac:chgData name="Aluffi, Pietro" userId="810df28b-0e6a-47dc-86dd-8f68aed2c426" providerId="ADAL" clId="{1A807C71-F309-C34E-8EEF-897EDA475A1E}" dt="2023-03-25T17:09:17.566" v="4591" actId="164"/>
          <ac:picMkLst>
            <pc:docMk/>
            <pc:sldMk cId="2840808298" sldId="899"/>
            <ac:picMk id="26" creationId="{B9488D18-D83D-D54D-D55A-17C9EBA8817E}"/>
          </ac:picMkLst>
        </pc:picChg>
        <pc:picChg chg="del">
          <ac:chgData name="Aluffi, Pietro" userId="810df28b-0e6a-47dc-86dd-8f68aed2c426" providerId="ADAL" clId="{1A807C71-F309-C34E-8EEF-897EDA475A1E}" dt="2023-03-25T14:48:18.694" v="4374" actId="478"/>
          <ac:picMkLst>
            <pc:docMk/>
            <pc:sldMk cId="2840808298" sldId="899"/>
            <ac:picMk id="27" creationId="{C8F60642-6691-5B3F-FE12-0AD491A7F02A}"/>
          </ac:picMkLst>
        </pc:picChg>
        <pc:cxnChg chg="del mod">
          <ac:chgData name="Aluffi, Pietro" userId="810df28b-0e6a-47dc-86dd-8f68aed2c426" providerId="ADAL" clId="{1A807C71-F309-C34E-8EEF-897EDA475A1E}" dt="2023-03-25T14:48:14.692" v="4369" actId="478"/>
          <ac:cxnSpMkLst>
            <pc:docMk/>
            <pc:sldMk cId="2840808298" sldId="899"/>
            <ac:cxnSpMk id="31" creationId="{6F0C1879-D3D9-5CC6-0904-D8C68C6A81D9}"/>
          </ac:cxnSpMkLst>
        </pc:cxnChg>
        <pc:cxnChg chg="del mod">
          <ac:chgData name="Aluffi, Pietro" userId="810df28b-0e6a-47dc-86dd-8f68aed2c426" providerId="ADAL" clId="{1A807C71-F309-C34E-8EEF-897EDA475A1E}" dt="2023-03-25T14:48:20.761" v="4376" actId="478"/>
          <ac:cxnSpMkLst>
            <pc:docMk/>
            <pc:sldMk cId="2840808298" sldId="899"/>
            <ac:cxnSpMk id="37" creationId="{FDB3FA5E-54D9-8BFD-B4B0-9EC5B33634C5}"/>
          </ac:cxnSpMkLst>
        </pc:cxnChg>
        <pc:cxnChg chg="del mod">
          <ac:chgData name="Aluffi, Pietro" userId="810df28b-0e6a-47dc-86dd-8f68aed2c426" providerId="ADAL" clId="{1A807C71-F309-C34E-8EEF-897EDA475A1E}" dt="2023-03-25T14:48:19.994" v="4375" actId="478"/>
          <ac:cxnSpMkLst>
            <pc:docMk/>
            <pc:sldMk cId="2840808298" sldId="899"/>
            <ac:cxnSpMk id="47" creationId="{838D6009-A39C-3FA9-35D1-73FBF6D2F32D}"/>
          </ac:cxnSpMkLst>
        </pc:cxnChg>
        <pc:cxnChg chg="del mod">
          <ac:chgData name="Aluffi, Pietro" userId="810df28b-0e6a-47dc-86dd-8f68aed2c426" providerId="ADAL" clId="{1A807C71-F309-C34E-8EEF-897EDA475A1E}" dt="2023-03-25T14:57:10.747" v="4387" actId="478"/>
          <ac:cxnSpMkLst>
            <pc:docMk/>
            <pc:sldMk cId="2840808298" sldId="899"/>
            <ac:cxnSpMk id="56" creationId="{5F9AEE89-59D6-4880-8C89-CA414B82C1EB}"/>
          </ac:cxnSpMkLst>
        </pc:cxnChg>
        <pc:cxnChg chg="del mod">
          <ac:chgData name="Aluffi, Pietro" userId="810df28b-0e6a-47dc-86dd-8f68aed2c426" providerId="ADAL" clId="{1A807C71-F309-C34E-8EEF-897EDA475A1E}" dt="2023-03-25T14:57:11.920" v="4388" actId="478"/>
          <ac:cxnSpMkLst>
            <pc:docMk/>
            <pc:sldMk cId="2840808298" sldId="899"/>
            <ac:cxnSpMk id="58" creationId="{3ECB040D-07A3-96EF-138A-FA60F46EC5EB}"/>
          </ac:cxnSpMkLst>
        </pc:cxnChg>
        <pc:cxnChg chg="del mod">
          <ac:chgData name="Aluffi, Pietro" userId="810df28b-0e6a-47dc-86dd-8f68aed2c426" providerId="ADAL" clId="{1A807C71-F309-C34E-8EEF-897EDA475A1E}" dt="2023-03-25T14:57:13.809" v="4390" actId="478"/>
          <ac:cxnSpMkLst>
            <pc:docMk/>
            <pc:sldMk cId="2840808298" sldId="899"/>
            <ac:cxnSpMk id="60" creationId="{D6A3BB1D-9C9F-C186-1925-85842F197BB1}"/>
          </ac:cxnSpMkLst>
        </pc:cxnChg>
      </pc:sldChg>
      <pc:sldChg chg="modSp add mod">
        <pc:chgData name="Aluffi, Pietro" userId="810df28b-0e6a-47dc-86dd-8f68aed2c426" providerId="ADAL" clId="{1A807C71-F309-C34E-8EEF-897EDA475A1E}" dt="2023-03-25T14:58:24.157" v="4445" actId="20577"/>
        <pc:sldMkLst>
          <pc:docMk/>
          <pc:sldMk cId="1720675079" sldId="900"/>
        </pc:sldMkLst>
        <pc:spChg chg="mod">
          <ac:chgData name="Aluffi, Pietro" userId="810df28b-0e6a-47dc-86dd-8f68aed2c426" providerId="ADAL" clId="{1A807C71-F309-C34E-8EEF-897EDA475A1E}" dt="2023-03-25T14:58:24.157" v="4445" actId="20577"/>
          <ac:spMkLst>
            <pc:docMk/>
            <pc:sldMk cId="1720675079" sldId="900"/>
            <ac:spMk id="2" creationId="{AE1BE45B-27F9-0D2E-2A9E-05DA21A9DE93}"/>
          </ac:spMkLst>
        </pc:spChg>
      </pc:sldChg>
      <pc:sldChg chg="add del setBg">
        <pc:chgData name="Aluffi, Pietro" userId="810df28b-0e6a-47dc-86dd-8f68aed2c426" providerId="ADAL" clId="{1A807C71-F309-C34E-8EEF-897EDA475A1E}" dt="2023-03-25T14:58:15.931" v="4412"/>
        <pc:sldMkLst>
          <pc:docMk/>
          <pc:sldMk cId="2192288462" sldId="900"/>
        </pc:sldMkLst>
      </pc:sldChg>
      <pc:sldChg chg="addSp delSp modSp add mod modNotesTx">
        <pc:chgData name="Aluffi, Pietro" userId="810df28b-0e6a-47dc-86dd-8f68aed2c426" providerId="ADAL" clId="{1A807C71-F309-C34E-8EEF-897EDA475A1E}" dt="2023-03-27T08:43:05.244" v="6026" actId="1076"/>
        <pc:sldMkLst>
          <pc:docMk/>
          <pc:sldMk cId="832129825" sldId="901"/>
        </pc:sldMkLst>
        <pc:spChg chg="del mod">
          <ac:chgData name="Aluffi, Pietro" userId="810df28b-0e6a-47dc-86dd-8f68aed2c426" providerId="ADAL" clId="{1A807C71-F309-C34E-8EEF-897EDA475A1E}" dt="2023-03-25T14:59:53.085" v="4477" actId="478"/>
          <ac:spMkLst>
            <pc:docMk/>
            <pc:sldMk cId="832129825" sldId="901"/>
            <ac:spMk id="2" creationId="{4EF9789A-4335-4577-AF25-1CB52F39AA43}"/>
          </ac:spMkLst>
        </pc:spChg>
        <pc:spChg chg="add del mod">
          <ac:chgData name="Aluffi, Pietro" userId="810df28b-0e6a-47dc-86dd-8f68aed2c426" providerId="ADAL" clId="{1A807C71-F309-C34E-8EEF-897EDA475A1E}" dt="2023-03-25T14:59:55.659" v="4479" actId="478"/>
          <ac:spMkLst>
            <pc:docMk/>
            <pc:sldMk cId="832129825" sldId="901"/>
            <ac:spMk id="4" creationId="{38FB1624-16C1-DF26-9F9E-A3C0C4DEBF30}"/>
          </ac:spMkLst>
        </pc:spChg>
        <pc:spChg chg="add del mod">
          <ac:chgData name="Aluffi, Pietro" userId="810df28b-0e6a-47dc-86dd-8f68aed2c426" providerId="ADAL" clId="{1A807C71-F309-C34E-8EEF-897EDA475A1E}" dt="2023-03-25T14:59:55.659" v="4479" actId="478"/>
          <ac:spMkLst>
            <pc:docMk/>
            <pc:sldMk cId="832129825" sldId="901"/>
            <ac:spMk id="5" creationId="{C7B9B4C1-12C3-422A-9657-E31D26833F71}"/>
          </ac:spMkLst>
        </pc:spChg>
        <pc:spChg chg="add mod">
          <ac:chgData name="Aluffi, Pietro" userId="810df28b-0e6a-47dc-86dd-8f68aed2c426" providerId="ADAL" clId="{1A807C71-F309-C34E-8EEF-897EDA475A1E}" dt="2023-03-25T17:10:13.340" v="4601" actId="20577"/>
          <ac:spMkLst>
            <pc:docMk/>
            <pc:sldMk cId="832129825" sldId="901"/>
            <ac:spMk id="6" creationId="{8872AB51-F9D5-0343-68C6-B577778EFC0A}"/>
          </ac:spMkLst>
        </pc:spChg>
        <pc:picChg chg="add del mod">
          <ac:chgData name="Aluffi, Pietro" userId="810df28b-0e6a-47dc-86dd-8f68aed2c426" providerId="ADAL" clId="{1A807C71-F309-C34E-8EEF-897EDA475A1E}" dt="2023-03-26T15:44:52.203" v="5890" actId="478"/>
          <ac:picMkLst>
            <pc:docMk/>
            <pc:sldMk cId="832129825" sldId="901"/>
            <ac:picMk id="8" creationId="{44C924D8-CF5F-AED0-FFB0-3BD9A1C9AC28}"/>
          </ac:picMkLst>
        </pc:picChg>
        <pc:picChg chg="add del mod">
          <ac:chgData name="Aluffi, Pietro" userId="810df28b-0e6a-47dc-86dd-8f68aed2c426" providerId="ADAL" clId="{1A807C71-F309-C34E-8EEF-897EDA475A1E}" dt="2023-03-27T08:42:54.810" v="6021" actId="478"/>
          <ac:picMkLst>
            <pc:docMk/>
            <pc:sldMk cId="832129825" sldId="901"/>
            <ac:picMk id="2049" creationId="{70DD4322-7453-26FC-4B7A-4CBA667BC8A9}"/>
          </ac:picMkLst>
        </pc:picChg>
        <pc:picChg chg="add del mod">
          <ac:chgData name="Aluffi, Pietro" userId="810df28b-0e6a-47dc-86dd-8f68aed2c426" providerId="ADAL" clId="{1A807C71-F309-C34E-8EEF-897EDA475A1E}" dt="2023-03-27T08:42:53.852" v="6020" actId="478"/>
          <ac:picMkLst>
            <pc:docMk/>
            <pc:sldMk cId="832129825" sldId="901"/>
            <ac:picMk id="2050" creationId="{D0309323-5936-0801-869D-999A95B49F70}"/>
          </ac:picMkLst>
        </pc:picChg>
        <pc:picChg chg="add mod">
          <ac:chgData name="Aluffi, Pietro" userId="810df28b-0e6a-47dc-86dd-8f68aed2c426" providerId="ADAL" clId="{1A807C71-F309-C34E-8EEF-897EDA475A1E}" dt="2023-03-27T08:43:05.244" v="6026" actId="1076"/>
          <ac:picMkLst>
            <pc:docMk/>
            <pc:sldMk cId="832129825" sldId="901"/>
            <ac:picMk id="2051" creationId="{E3C3A5E9-B194-966E-CE56-FF853A7CB83D}"/>
          </ac:picMkLst>
        </pc:picChg>
      </pc:sldChg>
      <pc:sldChg chg="addSp delSp modSp add mod modNotesTx">
        <pc:chgData name="Aluffi, Pietro" userId="810df28b-0e6a-47dc-86dd-8f68aed2c426" providerId="ADAL" clId="{1A807C71-F309-C34E-8EEF-897EDA475A1E}" dt="2023-03-27T12:33:08.727" v="8561" actId="20577"/>
        <pc:sldMkLst>
          <pc:docMk/>
          <pc:sldMk cId="1708754726" sldId="902"/>
        </pc:sldMkLst>
        <pc:spChg chg="mod">
          <ac:chgData name="Aluffi, Pietro" userId="810df28b-0e6a-47dc-86dd-8f68aed2c426" providerId="ADAL" clId="{1A807C71-F309-C34E-8EEF-897EDA475A1E}" dt="2023-03-25T15:21:02.346" v="4537" actId="20577"/>
          <ac:spMkLst>
            <pc:docMk/>
            <pc:sldMk cId="1708754726" sldId="902"/>
            <ac:spMk id="6" creationId="{8872AB51-F9D5-0343-68C6-B577778EFC0A}"/>
          </ac:spMkLst>
        </pc:spChg>
        <pc:picChg chg="add del mod">
          <ac:chgData name="Aluffi, Pietro" userId="810df28b-0e6a-47dc-86dd-8f68aed2c426" providerId="ADAL" clId="{1A807C71-F309-C34E-8EEF-897EDA475A1E}" dt="2023-03-26T15:44:11.047" v="5880" actId="478"/>
          <ac:picMkLst>
            <pc:docMk/>
            <pc:sldMk cId="1708754726" sldId="902"/>
            <ac:picMk id="3" creationId="{2BB25238-7CAE-3434-3C6E-B640705E6EEB}"/>
          </ac:picMkLst>
        </pc:picChg>
        <pc:picChg chg="add del mod">
          <ac:chgData name="Aluffi, Pietro" userId="810df28b-0e6a-47dc-86dd-8f68aed2c426" providerId="ADAL" clId="{1A807C71-F309-C34E-8EEF-897EDA475A1E}" dt="2023-03-27T08:42:06.805" v="6006" actId="478"/>
          <ac:picMkLst>
            <pc:docMk/>
            <pc:sldMk cId="1708754726" sldId="902"/>
            <ac:picMk id="1025" creationId="{FEA3F584-DBB1-882D-9B76-B56400C7AB29}"/>
          </ac:picMkLst>
        </pc:picChg>
        <pc:picChg chg="add mod">
          <ac:chgData name="Aluffi, Pietro" userId="810df28b-0e6a-47dc-86dd-8f68aed2c426" providerId="ADAL" clId="{1A807C71-F309-C34E-8EEF-897EDA475A1E}" dt="2023-03-27T12:16:08.092" v="8487" actId="1076"/>
          <ac:picMkLst>
            <pc:docMk/>
            <pc:sldMk cId="1708754726" sldId="902"/>
            <ac:picMk id="1026" creationId="{C5A6E089-4405-BBB2-8DF7-EA667CE7E43F}"/>
          </ac:picMkLst>
        </pc:picChg>
      </pc:sldChg>
      <pc:sldChg chg="delSp modSp add mod modShow">
        <pc:chgData name="Aluffi, Pietro" userId="810df28b-0e6a-47dc-86dd-8f68aed2c426" providerId="ADAL" clId="{1A807C71-F309-C34E-8EEF-897EDA475A1E}" dt="2023-03-27T11:31:17.940" v="6710"/>
        <pc:sldMkLst>
          <pc:docMk/>
          <pc:sldMk cId="2538821179" sldId="903"/>
        </pc:sldMkLst>
        <pc:spChg chg="mod">
          <ac:chgData name="Aluffi, Pietro" userId="810df28b-0e6a-47dc-86dd-8f68aed2c426" providerId="ADAL" clId="{1A807C71-F309-C34E-8EEF-897EDA475A1E}" dt="2023-03-27T11:31:17.940" v="6710"/>
          <ac:spMkLst>
            <pc:docMk/>
            <pc:sldMk cId="2538821179" sldId="903"/>
            <ac:spMk id="2" creationId="{AFE34C7F-346D-4632-A718-477C9B221782}"/>
          </ac:spMkLst>
        </pc:spChg>
        <pc:spChg chg="del">
          <ac:chgData name="Aluffi, Pietro" userId="810df28b-0e6a-47dc-86dd-8f68aed2c426" providerId="ADAL" clId="{1A807C71-F309-C34E-8EEF-897EDA475A1E}" dt="2023-03-25T18:12:37.720" v="4659" actId="478"/>
          <ac:spMkLst>
            <pc:docMk/>
            <pc:sldMk cId="2538821179" sldId="903"/>
            <ac:spMk id="8" creationId="{6F342441-5B1B-F3EC-CF57-5651A294F97C}"/>
          </ac:spMkLst>
        </pc:spChg>
        <pc:spChg chg="mod">
          <ac:chgData name="Aluffi, Pietro" userId="810df28b-0e6a-47dc-86dd-8f68aed2c426" providerId="ADAL" clId="{1A807C71-F309-C34E-8EEF-897EDA475A1E}" dt="2023-03-25T18:12:53.709" v="4666" actId="1076"/>
          <ac:spMkLst>
            <pc:docMk/>
            <pc:sldMk cId="2538821179" sldId="903"/>
            <ac:spMk id="14" creationId="{BEED775D-9AB1-66FD-7829-93C0FC90F36D}"/>
          </ac:spMkLst>
        </pc:spChg>
        <pc:grpChg chg="del">
          <ac:chgData name="Aluffi, Pietro" userId="810df28b-0e6a-47dc-86dd-8f68aed2c426" providerId="ADAL" clId="{1A807C71-F309-C34E-8EEF-897EDA475A1E}" dt="2023-03-25T18:12:36.370" v="4658" actId="478"/>
          <ac:grpSpMkLst>
            <pc:docMk/>
            <pc:sldMk cId="2538821179" sldId="903"/>
            <ac:grpSpMk id="11" creationId="{6D0DAA98-8E80-779D-338D-576255DFE2F8}"/>
          </ac:grpSpMkLst>
        </pc:grpChg>
        <pc:picChg chg="mod topLvl">
          <ac:chgData name="Aluffi, Pietro" userId="810df28b-0e6a-47dc-86dd-8f68aed2c426" providerId="ADAL" clId="{1A807C71-F309-C34E-8EEF-897EDA475A1E}" dt="2023-03-25T18:12:56.643" v="4667" actId="1076"/>
          <ac:picMkLst>
            <pc:docMk/>
            <pc:sldMk cId="2538821179" sldId="903"/>
            <ac:picMk id="6" creationId="{57F16ADD-ED8C-E6AD-2D09-45ACCAAA4BEF}"/>
          </ac:picMkLst>
        </pc:picChg>
        <pc:picChg chg="del topLvl">
          <ac:chgData name="Aluffi, Pietro" userId="810df28b-0e6a-47dc-86dd-8f68aed2c426" providerId="ADAL" clId="{1A807C71-F309-C34E-8EEF-897EDA475A1E}" dt="2023-03-25T18:12:36.370" v="4658" actId="478"/>
          <ac:picMkLst>
            <pc:docMk/>
            <pc:sldMk cId="2538821179" sldId="903"/>
            <ac:picMk id="7" creationId="{CB2D2515-0E13-3B5C-C3BE-09F3220F634F}"/>
          </ac:picMkLst>
        </pc:picChg>
      </pc:sldChg>
      <pc:sldChg chg="modSp add del mod ord setBg">
        <pc:chgData name="Aluffi, Pietro" userId="810df28b-0e6a-47dc-86dd-8f68aed2c426" providerId="ADAL" clId="{1A807C71-F309-C34E-8EEF-897EDA475A1E}" dt="2023-03-25T18:25:51.400" v="4677"/>
        <pc:sldMkLst>
          <pc:docMk/>
          <pc:sldMk cId="1964330555" sldId="904"/>
        </pc:sldMkLst>
        <pc:spChg chg="mod">
          <ac:chgData name="Aluffi, Pietro" userId="810df28b-0e6a-47dc-86dd-8f68aed2c426" providerId="ADAL" clId="{1A807C71-F309-C34E-8EEF-897EDA475A1E}" dt="2023-03-25T18:25:48.205" v="4673" actId="20577"/>
          <ac:spMkLst>
            <pc:docMk/>
            <pc:sldMk cId="1964330555" sldId="904"/>
            <ac:spMk id="2" creationId="{AE1BE45B-27F9-0D2E-2A9E-05DA21A9DE93}"/>
          </ac:spMkLst>
        </pc:spChg>
      </pc:sldChg>
      <pc:sldChg chg="modSp add mod ord">
        <pc:chgData name="Aluffi, Pietro" userId="810df28b-0e6a-47dc-86dd-8f68aed2c426" providerId="ADAL" clId="{1A807C71-F309-C34E-8EEF-897EDA475A1E}" dt="2023-03-25T18:25:59.383" v="4693" actId="20577"/>
        <pc:sldMkLst>
          <pc:docMk/>
          <pc:sldMk cId="3969034030" sldId="904"/>
        </pc:sldMkLst>
        <pc:spChg chg="mod">
          <ac:chgData name="Aluffi, Pietro" userId="810df28b-0e6a-47dc-86dd-8f68aed2c426" providerId="ADAL" clId="{1A807C71-F309-C34E-8EEF-897EDA475A1E}" dt="2023-03-25T18:25:59.383" v="4693" actId="20577"/>
          <ac:spMkLst>
            <pc:docMk/>
            <pc:sldMk cId="3969034030" sldId="904"/>
            <ac:spMk id="2" creationId="{AE1BE45B-27F9-0D2E-2A9E-05DA21A9DE93}"/>
          </ac:spMkLst>
        </pc:spChg>
      </pc:sldChg>
      <pc:sldChg chg="add del setBg">
        <pc:chgData name="Aluffi, Pietro" userId="810df28b-0e6a-47dc-86dd-8f68aed2c426" providerId="ADAL" clId="{1A807C71-F309-C34E-8EEF-897EDA475A1E}" dt="2023-03-25T18:25:54.278" v="4679"/>
        <pc:sldMkLst>
          <pc:docMk/>
          <pc:sldMk cId="4094271386" sldId="904"/>
        </pc:sldMkLst>
      </pc:sldChg>
      <pc:sldChg chg="addSp modSp add mod ord modShow">
        <pc:chgData name="Aluffi, Pietro" userId="810df28b-0e6a-47dc-86dd-8f68aed2c426" providerId="ADAL" clId="{1A807C71-F309-C34E-8EEF-897EDA475A1E}" dt="2023-03-27T12:13:50.173" v="8469" actId="729"/>
        <pc:sldMkLst>
          <pc:docMk/>
          <pc:sldMk cId="1541736668" sldId="905"/>
        </pc:sldMkLst>
        <pc:spChg chg="mod">
          <ac:chgData name="Aluffi, Pietro" userId="810df28b-0e6a-47dc-86dd-8f68aed2c426" providerId="ADAL" clId="{1A807C71-F309-C34E-8EEF-897EDA475A1E}" dt="2023-03-25T18:27:37.871" v="4726" actId="20577"/>
          <ac:spMkLst>
            <pc:docMk/>
            <pc:sldMk cId="1541736668" sldId="905"/>
            <ac:spMk id="6" creationId="{8872AB51-F9D5-0343-68C6-B577778EFC0A}"/>
          </ac:spMkLst>
        </pc:spChg>
        <pc:picChg chg="add mod">
          <ac:chgData name="Aluffi, Pietro" userId="810df28b-0e6a-47dc-86dd-8f68aed2c426" providerId="ADAL" clId="{1A807C71-F309-C34E-8EEF-897EDA475A1E}" dt="2023-03-25T18:29:06.838" v="4736" actId="14100"/>
          <ac:picMkLst>
            <pc:docMk/>
            <pc:sldMk cId="1541736668" sldId="905"/>
            <ac:picMk id="3" creationId="{66B00B31-DF89-F3CB-D818-5A5FF9A39F99}"/>
          </ac:picMkLst>
        </pc:picChg>
        <pc:picChg chg="add mod">
          <ac:chgData name="Aluffi, Pietro" userId="810df28b-0e6a-47dc-86dd-8f68aed2c426" providerId="ADAL" clId="{1A807C71-F309-C34E-8EEF-897EDA475A1E}" dt="2023-03-25T18:29:13.681" v="4738" actId="1076"/>
          <ac:picMkLst>
            <pc:docMk/>
            <pc:sldMk cId="1541736668" sldId="905"/>
            <ac:picMk id="5" creationId="{DF94DF55-FB32-FED6-9046-628087CF5B6D}"/>
          </ac:picMkLst>
        </pc:picChg>
      </pc:sldChg>
      <pc:sldChg chg="add del">
        <pc:chgData name="Aluffi, Pietro" userId="810df28b-0e6a-47dc-86dd-8f68aed2c426" providerId="ADAL" clId="{1A807C71-F309-C34E-8EEF-897EDA475A1E}" dt="2023-03-25T18:31:16.671" v="4740"/>
        <pc:sldMkLst>
          <pc:docMk/>
          <pc:sldMk cId="302352810" sldId="906"/>
        </pc:sldMkLst>
      </pc:sldChg>
      <pc:sldChg chg="addSp modSp add mod">
        <pc:chgData name="Aluffi, Pietro" userId="810df28b-0e6a-47dc-86dd-8f68aed2c426" providerId="ADAL" clId="{1A807C71-F309-C34E-8EEF-897EDA475A1E}" dt="2023-03-27T10:34:45.474" v="6058" actId="20577"/>
        <pc:sldMkLst>
          <pc:docMk/>
          <pc:sldMk cId="3242142175" sldId="906"/>
        </pc:sldMkLst>
        <pc:spChg chg="add mod">
          <ac:chgData name="Aluffi, Pietro" userId="810df28b-0e6a-47dc-86dd-8f68aed2c426" providerId="ADAL" clId="{1A807C71-F309-C34E-8EEF-897EDA475A1E}" dt="2023-03-27T10:34:45.474" v="6058" actId="20577"/>
          <ac:spMkLst>
            <pc:docMk/>
            <pc:sldMk cId="3242142175" sldId="906"/>
            <ac:spMk id="3" creationId="{7F51F82B-BB80-47A8-8C43-DFEE97A2635B}"/>
          </ac:spMkLst>
        </pc:spChg>
      </pc:sldChg>
      <pc:sldChg chg="addSp delSp modSp add del mod modShow modNotesTx">
        <pc:chgData name="Aluffi, Pietro" userId="810df28b-0e6a-47dc-86dd-8f68aed2c426" providerId="ADAL" clId="{1A807C71-F309-C34E-8EEF-897EDA475A1E}" dt="2023-03-27T12:14:09.372" v="8474" actId="729"/>
        <pc:sldMkLst>
          <pc:docMk/>
          <pc:sldMk cId="1437084998" sldId="907"/>
        </pc:sldMkLst>
        <pc:spChg chg="add mod">
          <ac:chgData name="Aluffi, Pietro" userId="810df28b-0e6a-47dc-86dd-8f68aed2c426" providerId="ADAL" clId="{1A807C71-F309-C34E-8EEF-897EDA475A1E}" dt="2023-03-25T18:31:37.130" v="4745" actId="2085"/>
          <ac:spMkLst>
            <pc:docMk/>
            <pc:sldMk cId="1437084998" sldId="907"/>
            <ac:spMk id="2" creationId="{77A6A594-9529-460B-E670-0F83E43BC91D}"/>
          </ac:spMkLst>
        </pc:spChg>
        <pc:spChg chg="add del mod">
          <ac:chgData name="Aluffi, Pietro" userId="810df28b-0e6a-47dc-86dd-8f68aed2c426" providerId="ADAL" clId="{1A807C71-F309-C34E-8EEF-897EDA475A1E}" dt="2023-03-25T18:33:06.243" v="4758"/>
          <ac:spMkLst>
            <pc:docMk/>
            <pc:sldMk cId="1437084998" sldId="907"/>
            <ac:spMk id="4" creationId="{40493EC0-6C1E-964D-B1CA-547A38ACDFCF}"/>
          </ac:spMkLst>
        </pc:spChg>
        <pc:spChg chg="add del mod">
          <ac:chgData name="Aluffi, Pietro" userId="810df28b-0e6a-47dc-86dd-8f68aed2c426" providerId="ADAL" clId="{1A807C71-F309-C34E-8EEF-897EDA475A1E}" dt="2023-03-25T18:35:57.024" v="4849"/>
          <ac:spMkLst>
            <pc:docMk/>
            <pc:sldMk cId="1437084998" sldId="907"/>
            <ac:spMk id="7" creationId="{B56CA13A-05DF-B2C3-783F-7DEBFB5EE1C2}"/>
          </ac:spMkLst>
        </pc:spChg>
        <pc:spChg chg="add del mod">
          <ac:chgData name="Aluffi, Pietro" userId="810df28b-0e6a-47dc-86dd-8f68aed2c426" providerId="ADAL" clId="{1A807C71-F309-C34E-8EEF-897EDA475A1E}" dt="2023-03-25T18:37:35.550" v="4944"/>
          <ac:spMkLst>
            <pc:docMk/>
            <pc:sldMk cId="1437084998" sldId="907"/>
            <ac:spMk id="8" creationId="{7FB5D1C2-D08C-A0C3-2534-6013B6E9A8BE}"/>
          </ac:spMkLst>
        </pc:spChg>
        <pc:spChg chg="add mod">
          <ac:chgData name="Aluffi, Pietro" userId="810df28b-0e6a-47dc-86dd-8f68aed2c426" providerId="ADAL" clId="{1A807C71-F309-C34E-8EEF-897EDA475A1E}" dt="2023-03-26T05:15:52.667" v="5165" actId="1036"/>
          <ac:spMkLst>
            <pc:docMk/>
            <pc:sldMk cId="1437084998" sldId="907"/>
            <ac:spMk id="9" creationId="{1E0DE627-C4A8-620C-3DC0-377F87388FF2}"/>
          </ac:spMkLst>
        </pc:spChg>
        <pc:picChg chg="mod">
          <ac:chgData name="Aluffi, Pietro" userId="810df28b-0e6a-47dc-86dd-8f68aed2c426" providerId="ADAL" clId="{1A807C71-F309-C34E-8EEF-897EDA475A1E}" dt="2023-03-25T18:31:57.631" v="4747" actId="1076"/>
          <ac:picMkLst>
            <pc:docMk/>
            <pc:sldMk cId="1437084998" sldId="907"/>
            <ac:picMk id="3" creationId="{66B00B31-DF89-F3CB-D818-5A5FF9A39F99}"/>
          </ac:picMkLst>
        </pc:picChg>
      </pc:sldChg>
      <pc:sldChg chg="addSp delSp modSp add mod ord modShow">
        <pc:chgData name="Aluffi, Pietro" userId="810df28b-0e6a-47dc-86dd-8f68aed2c426" providerId="ADAL" clId="{1A807C71-F309-C34E-8EEF-897EDA475A1E}" dt="2023-03-27T12:15:16.709" v="8483" actId="729"/>
        <pc:sldMkLst>
          <pc:docMk/>
          <pc:sldMk cId="2523239684" sldId="908"/>
        </pc:sldMkLst>
        <pc:spChg chg="add mod">
          <ac:chgData name="Aluffi, Pietro" userId="810df28b-0e6a-47dc-86dd-8f68aed2c426" providerId="ADAL" clId="{1A807C71-F309-C34E-8EEF-897EDA475A1E}" dt="2023-03-27T12:14:46.945" v="8480" actId="1076"/>
          <ac:spMkLst>
            <pc:docMk/>
            <pc:sldMk cId="2523239684" sldId="908"/>
            <ac:spMk id="2" creationId="{564BA7D0-3C65-DDDB-B75A-279D0F3DAFA2}"/>
          </ac:spMkLst>
        </pc:spChg>
        <pc:spChg chg="del mod">
          <ac:chgData name="Aluffi, Pietro" userId="810df28b-0e6a-47dc-86dd-8f68aed2c426" providerId="ADAL" clId="{1A807C71-F309-C34E-8EEF-897EDA475A1E}" dt="2023-03-25T18:33:18.145" v="4759" actId="478"/>
          <ac:spMkLst>
            <pc:docMk/>
            <pc:sldMk cId="2523239684" sldId="908"/>
            <ac:spMk id="2" creationId="{77A6A594-9529-460B-E670-0F83E43BC91D}"/>
          </ac:spMkLst>
        </pc:spChg>
        <pc:spChg chg="add mod">
          <ac:chgData name="Aluffi, Pietro" userId="810df28b-0e6a-47dc-86dd-8f68aed2c426" providerId="ADAL" clId="{1A807C71-F309-C34E-8EEF-897EDA475A1E}" dt="2023-03-27T12:14:46.945" v="8480" actId="1076"/>
          <ac:spMkLst>
            <pc:docMk/>
            <pc:sldMk cId="2523239684" sldId="908"/>
            <ac:spMk id="3" creationId="{7D353D3A-988E-EB94-20B8-335874AE7BD2}"/>
          </ac:spMkLst>
        </pc:spChg>
        <pc:spChg chg="mod">
          <ac:chgData name="Aluffi, Pietro" userId="810df28b-0e6a-47dc-86dd-8f68aed2c426" providerId="ADAL" clId="{1A807C71-F309-C34E-8EEF-897EDA475A1E}" dt="2023-03-27T12:14:58.449" v="8481"/>
          <ac:spMkLst>
            <pc:docMk/>
            <pc:sldMk cId="2523239684" sldId="908"/>
            <ac:spMk id="6" creationId="{8872AB51-F9D5-0343-68C6-B577778EFC0A}"/>
          </ac:spMkLst>
        </pc:spChg>
        <pc:spChg chg="add del mod">
          <ac:chgData name="Aluffi, Pietro" userId="810df28b-0e6a-47dc-86dd-8f68aed2c426" providerId="ADAL" clId="{1A807C71-F309-C34E-8EEF-897EDA475A1E}" dt="2023-03-26T05:11:17.434" v="5127"/>
          <ac:spMkLst>
            <pc:docMk/>
            <pc:sldMk cId="2523239684" sldId="908"/>
            <ac:spMk id="7" creationId="{F621CCF6-B961-360C-C881-B0E3A94959E4}"/>
          </ac:spMkLst>
        </pc:spChg>
        <pc:picChg chg="del mod">
          <ac:chgData name="Aluffi, Pietro" userId="810df28b-0e6a-47dc-86dd-8f68aed2c426" providerId="ADAL" clId="{1A807C71-F309-C34E-8EEF-897EDA475A1E}" dt="2023-03-25T18:33:18.953" v="4760" actId="478"/>
          <ac:picMkLst>
            <pc:docMk/>
            <pc:sldMk cId="2523239684" sldId="908"/>
            <ac:picMk id="3" creationId="{66B00B31-DF89-F3CB-D818-5A5FF9A39F99}"/>
          </ac:picMkLst>
        </pc:picChg>
        <pc:picChg chg="mod">
          <ac:chgData name="Aluffi, Pietro" userId="810df28b-0e6a-47dc-86dd-8f68aed2c426" providerId="ADAL" clId="{1A807C71-F309-C34E-8EEF-897EDA475A1E}" dt="2023-03-27T12:15:01.726" v="8482" actId="1076"/>
          <ac:picMkLst>
            <pc:docMk/>
            <pc:sldMk cId="2523239684" sldId="908"/>
            <ac:picMk id="5" creationId="{DF94DF55-FB32-FED6-9046-628087CF5B6D}"/>
          </ac:picMkLst>
        </pc:picChg>
      </pc:sldChg>
      <pc:sldChg chg="delSp modSp add del mod">
        <pc:chgData name="Aluffi, Pietro" userId="810df28b-0e6a-47dc-86dd-8f68aed2c426" providerId="ADAL" clId="{1A807C71-F309-C34E-8EEF-897EDA475A1E}" dt="2023-03-26T05:09:19.816" v="5123" actId="2696"/>
        <pc:sldMkLst>
          <pc:docMk/>
          <pc:sldMk cId="2767276555" sldId="909"/>
        </pc:sldMkLst>
        <pc:spChg chg="mod">
          <ac:chgData name="Aluffi, Pietro" userId="810df28b-0e6a-47dc-86dd-8f68aed2c426" providerId="ADAL" clId="{1A807C71-F309-C34E-8EEF-897EDA475A1E}" dt="2023-03-25T18:33:35.648" v="4773" actId="20577"/>
          <ac:spMkLst>
            <pc:docMk/>
            <pc:sldMk cId="2767276555" sldId="909"/>
            <ac:spMk id="6" creationId="{8872AB51-F9D5-0343-68C6-B577778EFC0A}"/>
          </ac:spMkLst>
        </pc:spChg>
        <pc:picChg chg="del">
          <ac:chgData name="Aluffi, Pietro" userId="810df28b-0e6a-47dc-86dd-8f68aed2c426" providerId="ADAL" clId="{1A807C71-F309-C34E-8EEF-897EDA475A1E}" dt="2023-03-25T18:33:32.354" v="4762" actId="478"/>
          <ac:picMkLst>
            <pc:docMk/>
            <pc:sldMk cId="2767276555" sldId="909"/>
            <ac:picMk id="5" creationId="{DF94DF55-FB32-FED6-9046-628087CF5B6D}"/>
          </ac:picMkLst>
        </pc:picChg>
      </pc:sldChg>
      <pc:sldChg chg="addSp delSp modSp add del mod ord modNotesTx">
        <pc:chgData name="Aluffi, Pietro" userId="810df28b-0e6a-47dc-86dd-8f68aed2c426" providerId="ADAL" clId="{1A807C71-F309-C34E-8EEF-897EDA475A1E}" dt="2023-03-27T12:31:29.756" v="8518" actId="2696"/>
        <pc:sldMkLst>
          <pc:docMk/>
          <pc:sldMk cId="609248247" sldId="910"/>
        </pc:sldMkLst>
        <pc:spChg chg="add mod">
          <ac:chgData name="Aluffi, Pietro" userId="810df28b-0e6a-47dc-86dd-8f68aed2c426" providerId="ADAL" clId="{1A807C71-F309-C34E-8EEF-897EDA475A1E}" dt="2023-03-27T12:12:32.492" v="8464" actId="20577"/>
          <ac:spMkLst>
            <pc:docMk/>
            <pc:sldMk cId="609248247" sldId="910"/>
            <ac:spMk id="5" creationId="{09D21593-4B85-AFD0-8D8C-A444787AC9E3}"/>
          </ac:spMkLst>
        </pc:spChg>
        <pc:spChg chg="mod">
          <ac:chgData name="Aluffi, Pietro" userId="810df28b-0e6a-47dc-86dd-8f68aed2c426" providerId="ADAL" clId="{1A807C71-F309-C34E-8EEF-897EDA475A1E}" dt="2023-03-27T12:11:16.033" v="8266" actId="20577"/>
          <ac:spMkLst>
            <pc:docMk/>
            <pc:sldMk cId="609248247" sldId="910"/>
            <ac:spMk id="6" creationId="{8872AB51-F9D5-0343-68C6-B577778EFC0A}"/>
          </ac:spMkLst>
        </pc:spChg>
        <pc:picChg chg="add del mod">
          <ac:chgData name="Aluffi, Pietro" userId="810df28b-0e6a-47dc-86dd-8f68aed2c426" providerId="ADAL" clId="{1A807C71-F309-C34E-8EEF-897EDA475A1E}" dt="2023-03-27T12:07:32.415" v="7879" actId="478"/>
          <ac:picMkLst>
            <pc:docMk/>
            <pc:sldMk cId="609248247" sldId="910"/>
            <ac:picMk id="2" creationId="{2212CBCF-A5B9-62AE-2DD4-1574759C82EF}"/>
          </ac:picMkLst>
        </pc:picChg>
        <pc:picChg chg="add del mod">
          <ac:chgData name="Aluffi, Pietro" userId="810df28b-0e6a-47dc-86dd-8f68aed2c426" providerId="ADAL" clId="{1A807C71-F309-C34E-8EEF-897EDA475A1E}" dt="2023-03-27T12:07:32.415" v="7879" actId="478"/>
          <ac:picMkLst>
            <pc:docMk/>
            <pc:sldMk cId="609248247" sldId="910"/>
            <ac:picMk id="3" creationId="{A7BE035F-CFF8-2079-1D67-BD8E7636130E}"/>
          </ac:picMkLst>
        </pc:picChg>
        <pc:picChg chg="del">
          <ac:chgData name="Aluffi, Pietro" userId="810df28b-0e6a-47dc-86dd-8f68aed2c426" providerId="ADAL" clId="{1A807C71-F309-C34E-8EEF-897EDA475A1E}" dt="2023-03-25T18:33:42.302" v="4775" actId="478"/>
          <ac:picMkLst>
            <pc:docMk/>
            <pc:sldMk cId="609248247" sldId="910"/>
            <ac:picMk id="5" creationId="{DF94DF55-FB32-FED6-9046-628087CF5B6D}"/>
          </ac:picMkLst>
        </pc:picChg>
        <pc:picChg chg="add del mod">
          <ac:chgData name="Aluffi, Pietro" userId="810df28b-0e6a-47dc-86dd-8f68aed2c426" providerId="ADAL" clId="{1A807C71-F309-C34E-8EEF-897EDA475A1E}" dt="2023-03-27T12:07:32.415" v="7879" actId="478"/>
          <ac:picMkLst>
            <pc:docMk/>
            <pc:sldMk cId="609248247" sldId="910"/>
            <ac:picMk id="7" creationId="{946E095A-518D-8D23-198D-6348F11F45A5}"/>
          </ac:picMkLst>
        </pc:picChg>
        <pc:picChg chg="add del mod">
          <ac:chgData name="Aluffi, Pietro" userId="810df28b-0e6a-47dc-86dd-8f68aed2c426" providerId="ADAL" clId="{1A807C71-F309-C34E-8EEF-897EDA475A1E}" dt="2023-03-26T05:17:34.932" v="5179" actId="478"/>
          <ac:picMkLst>
            <pc:docMk/>
            <pc:sldMk cId="609248247" sldId="910"/>
            <ac:picMk id="8" creationId="{6CF37C4B-5E6E-91EB-DB8C-124BE35871C4}"/>
          </ac:picMkLst>
        </pc:picChg>
        <pc:picChg chg="add del mod">
          <ac:chgData name="Aluffi, Pietro" userId="810df28b-0e6a-47dc-86dd-8f68aed2c426" providerId="ADAL" clId="{1A807C71-F309-C34E-8EEF-897EDA475A1E}" dt="2023-03-26T05:17:40.348" v="5181" actId="478"/>
          <ac:picMkLst>
            <pc:docMk/>
            <pc:sldMk cId="609248247" sldId="910"/>
            <ac:picMk id="9" creationId="{2C3BBC15-8281-0283-8D45-8805B9173570}"/>
          </ac:picMkLst>
        </pc:picChg>
        <pc:picChg chg="add del mod">
          <ac:chgData name="Aluffi, Pietro" userId="810df28b-0e6a-47dc-86dd-8f68aed2c426" providerId="ADAL" clId="{1A807C71-F309-C34E-8EEF-897EDA475A1E}" dt="2023-03-27T12:07:32.415" v="7879" actId="478"/>
          <ac:picMkLst>
            <pc:docMk/>
            <pc:sldMk cId="609248247" sldId="910"/>
            <ac:picMk id="10" creationId="{463F6A8A-FA75-A341-65B4-5248251D050A}"/>
          </ac:picMkLst>
        </pc:picChg>
        <pc:picChg chg="add mod">
          <ac:chgData name="Aluffi, Pietro" userId="810df28b-0e6a-47dc-86dd-8f68aed2c426" providerId="ADAL" clId="{1A807C71-F309-C34E-8EEF-897EDA475A1E}" dt="2023-03-26T05:20:07.330" v="5238" actId="1076"/>
          <ac:picMkLst>
            <pc:docMk/>
            <pc:sldMk cId="609248247" sldId="910"/>
            <ac:picMk id="12" creationId="{2939150F-D1D1-346A-77A9-48CF58439CAC}"/>
          </ac:picMkLst>
        </pc:picChg>
        <pc:picChg chg="add mod">
          <ac:chgData name="Aluffi, Pietro" userId="810df28b-0e6a-47dc-86dd-8f68aed2c426" providerId="ADAL" clId="{1A807C71-F309-C34E-8EEF-897EDA475A1E}" dt="2023-03-26T05:20:32.494" v="5243" actId="14100"/>
          <ac:picMkLst>
            <pc:docMk/>
            <pc:sldMk cId="609248247" sldId="910"/>
            <ac:picMk id="13" creationId="{FE826231-6208-1C5B-5B84-586B69577DAE}"/>
          </ac:picMkLst>
        </pc:picChg>
      </pc:sldChg>
      <pc:sldChg chg="new del">
        <pc:chgData name="Aluffi, Pietro" userId="810df28b-0e6a-47dc-86dd-8f68aed2c426" providerId="ADAL" clId="{1A807C71-F309-C34E-8EEF-897EDA475A1E}" dt="2023-03-26T05:18:04.908" v="5188" actId="2696"/>
        <pc:sldMkLst>
          <pc:docMk/>
          <pc:sldMk cId="1410698983" sldId="911"/>
        </pc:sldMkLst>
      </pc:sldChg>
      <pc:sldChg chg="addSp delSp modSp add mod">
        <pc:chgData name="Aluffi, Pietro" userId="810df28b-0e6a-47dc-86dd-8f68aed2c426" providerId="ADAL" clId="{1A807C71-F309-C34E-8EEF-897EDA475A1E}" dt="2023-03-27T10:38:16.426" v="6059" actId="13926"/>
        <pc:sldMkLst>
          <pc:docMk/>
          <pc:sldMk cId="2070732775" sldId="911"/>
        </pc:sldMkLst>
        <pc:spChg chg="add mod">
          <ac:chgData name="Aluffi, Pietro" userId="810df28b-0e6a-47dc-86dd-8f68aed2c426" providerId="ADAL" clId="{1A807C71-F309-C34E-8EEF-897EDA475A1E}" dt="2023-03-26T05:34:19.281" v="5879" actId="1076"/>
          <ac:spMkLst>
            <pc:docMk/>
            <pc:sldMk cId="2070732775" sldId="911"/>
            <ac:spMk id="3" creationId="{842C9CBD-C3C9-21D1-8E3B-0D7528CE3A63}"/>
          </ac:spMkLst>
        </pc:spChg>
        <pc:spChg chg="del">
          <ac:chgData name="Aluffi, Pietro" userId="810df28b-0e6a-47dc-86dd-8f68aed2c426" providerId="ADAL" clId="{1A807C71-F309-C34E-8EEF-897EDA475A1E}" dt="2023-03-26T05:18:13.170" v="5202" actId="478"/>
          <ac:spMkLst>
            <pc:docMk/>
            <pc:sldMk cId="2070732775" sldId="911"/>
            <ac:spMk id="4" creationId="{40493EC0-6C1E-964D-B1CA-547A38ACDFCF}"/>
          </ac:spMkLst>
        </pc:spChg>
        <pc:spChg chg="mod">
          <ac:chgData name="Aluffi, Pietro" userId="810df28b-0e6a-47dc-86dd-8f68aed2c426" providerId="ADAL" clId="{1A807C71-F309-C34E-8EEF-897EDA475A1E}" dt="2023-03-27T10:38:16.426" v="6059" actId="13926"/>
          <ac:spMkLst>
            <pc:docMk/>
            <pc:sldMk cId="2070732775" sldId="911"/>
            <ac:spMk id="6" creationId="{8872AB51-F9D5-0343-68C6-B577778EFC0A}"/>
          </ac:spMkLst>
        </pc:spChg>
        <pc:picChg chg="del">
          <ac:chgData name="Aluffi, Pietro" userId="810df28b-0e6a-47dc-86dd-8f68aed2c426" providerId="ADAL" clId="{1A807C71-F309-C34E-8EEF-897EDA475A1E}" dt="2023-03-26T05:18:13.170" v="5202" actId="478"/>
          <ac:picMkLst>
            <pc:docMk/>
            <pc:sldMk cId="2070732775" sldId="911"/>
            <ac:picMk id="2" creationId="{2212CBCF-A5B9-62AE-2DD4-1574759C82EF}"/>
          </ac:picMkLst>
        </pc:picChg>
        <pc:picChg chg="del">
          <ac:chgData name="Aluffi, Pietro" userId="810df28b-0e6a-47dc-86dd-8f68aed2c426" providerId="ADAL" clId="{1A807C71-F309-C34E-8EEF-897EDA475A1E}" dt="2023-03-26T05:18:14.375" v="5203" actId="478"/>
          <ac:picMkLst>
            <pc:docMk/>
            <pc:sldMk cId="2070732775" sldId="911"/>
            <ac:picMk id="3" creationId="{A7BE035F-CFF8-2079-1D67-BD8E7636130E}"/>
          </ac:picMkLst>
        </pc:picChg>
        <pc:picChg chg="del">
          <ac:chgData name="Aluffi, Pietro" userId="810df28b-0e6a-47dc-86dd-8f68aed2c426" providerId="ADAL" clId="{1A807C71-F309-C34E-8EEF-897EDA475A1E}" dt="2023-03-26T05:18:13.170" v="5202" actId="478"/>
          <ac:picMkLst>
            <pc:docMk/>
            <pc:sldMk cId="2070732775" sldId="911"/>
            <ac:picMk id="7" creationId="{946E095A-518D-8D23-198D-6348F11F45A5}"/>
          </ac:picMkLst>
        </pc:picChg>
        <pc:picChg chg="del">
          <ac:chgData name="Aluffi, Pietro" userId="810df28b-0e6a-47dc-86dd-8f68aed2c426" providerId="ADAL" clId="{1A807C71-F309-C34E-8EEF-897EDA475A1E}" dt="2023-03-26T05:18:13.170" v="5202" actId="478"/>
          <ac:picMkLst>
            <pc:docMk/>
            <pc:sldMk cId="2070732775" sldId="911"/>
            <ac:picMk id="10" creationId="{463F6A8A-FA75-A341-65B4-5248251D050A}"/>
          </ac:picMkLst>
        </pc:picChg>
      </pc:sldChg>
      <pc:sldChg chg="add del setBg">
        <pc:chgData name="Aluffi, Pietro" userId="810df28b-0e6a-47dc-86dd-8f68aed2c426" providerId="ADAL" clId="{1A807C71-F309-C34E-8EEF-897EDA475A1E}" dt="2023-03-26T05:29:07.164" v="5811"/>
        <pc:sldMkLst>
          <pc:docMk/>
          <pc:sldMk cId="1680317919" sldId="912"/>
        </pc:sldMkLst>
      </pc:sldChg>
      <pc:sldChg chg="modSp add mod">
        <pc:chgData name="Aluffi, Pietro" userId="810df28b-0e6a-47dc-86dd-8f68aed2c426" providerId="ADAL" clId="{1A807C71-F309-C34E-8EEF-897EDA475A1E}" dt="2023-03-26T05:29:11.100" v="5823" actId="20577"/>
        <pc:sldMkLst>
          <pc:docMk/>
          <pc:sldMk cId="3855599777" sldId="912"/>
        </pc:sldMkLst>
        <pc:spChg chg="mod">
          <ac:chgData name="Aluffi, Pietro" userId="810df28b-0e6a-47dc-86dd-8f68aed2c426" providerId="ADAL" clId="{1A807C71-F309-C34E-8EEF-897EDA475A1E}" dt="2023-03-26T05:29:11.100" v="5823" actId="20577"/>
          <ac:spMkLst>
            <pc:docMk/>
            <pc:sldMk cId="3855599777" sldId="912"/>
            <ac:spMk id="2" creationId="{AE1BE45B-27F9-0D2E-2A9E-05DA21A9DE93}"/>
          </ac:spMkLst>
        </pc:spChg>
      </pc:sldChg>
      <pc:sldChg chg="addSp delSp modSp new mod modTransition modNotesTx">
        <pc:chgData name="Aluffi, Pietro" userId="810df28b-0e6a-47dc-86dd-8f68aed2c426" providerId="ADAL" clId="{1A807C71-F309-C34E-8EEF-897EDA475A1E}" dt="2023-03-27T12:14:14.710" v="8475"/>
        <pc:sldMkLst>
          <pc:docMk/>
          <pc:sldMk cId="742244758" sldId="913"/>
        </pc:sldMkLst>
        <pc:spChg chg="mod">
          <ac:chgData name="Aluffi, Pietro" userId="810df28b-0e6a-47dc-86dd-8f68aed2c426" providerId="ADAL" clId="{1A807C71-F309-C34E-8EEF-897EDA475A1E}" dt="2023-03-27T12:03:01.645" v="7758" actId="20577"/>
          <ac:spMkLst>
            <pc:docMk/>
            <pc:sldMk cId="742244758" sldId="913"/>
            <ac:spMk id="2" creationId="{21096E01-C598-2602-27C6-BDA017BA3EA8}"/>
          </ac:spMkLst>
        </pc:spChg>
        <pc:spChg chg="mod">
          <ac:chgData name="Aluffi, Pietro" userId="810df28b-0e6a-47dc-86dd-8f68aed2c426" providerId="ADAL" clId="{1A807C71-F309-C34E-8EEF-897EDA475A1E}" dt="2023-03-27T11:55:56.235" v="7522" actId="113"/>
          <ac:spMkLst>
            <pc:docMk/>
            <pc:sldMk cId="742244758" sldId="913"/>
            <ac:spMk id="3" creationId="{6D5CDC84-3563-DED4-F9A0-396686A3ECFC}"/>
          </ac:spMkLst>
        </pc:spChg>
        <pc:spChg chg="mod">
          <ac:chgData name="Aluffi, Pietro" userId="810df28b-0e6a-47dc-86dd-8f68aed2c426" providerId="ADAL" clId="{1A807C71-F309-C34E-8EEF-897EDA475A1E}" dt="2023-03-27T11:54:16.086" v="7420" actId="14100"/>
          <ac:spMkLst>
            <pc:docMk/>
            <pc:sldMk cId="742244758" sldId="913"/>
            <ac:spMk id="4" creationId="{66071185-4A03-42EE-30F9-D0C26783BD9B}"/>
          </ac:spMkLst>
        </pc:spChg>
        <pc:spChg chg="add del mod">
          <ac:chgData name="Aluffi, Pietro" userId="810df28b-0e6a-47dc-86dd-8f68aed2c426" providerId="ADAL" clId="{1A807C71-F309-C34E-8EEF-897EDA475A1E}" dt="2023-03-27T12:03:51.767" v="7791" actId="478"/>
          <ac:spMkLst>
            <pc:docMk/>
            <pc:sldMk cId="742244758" sldId="913"/>
            <ac:spMk id="5" creationId="{9C0C89B8-5E83-7C6D-66BD-8675B3CBE0B2}"/>
          </ac:spMkLst>
        </pc:spChg>
        <pc:spChg chg="add del mod">
          <ac:chgData name="Aluffi, Pietro" userId="810df28b-0e6a-47dc-86dd-8f68aed2c426" providerId="ADAL" clId="{1A807C71-F309-C34E-8EEF-897EDA475A1E}" dt="2023-03-27T12:03:51.767" v="7791" actId="478"/>
          <ac:spMkLst>
            <pc:docMk/>
            <pc:sldMk cId="742244758" sldId="913"/>
            <ac:spMk id="6" creationId="{5CF99E4C-8DD6-4A8D-0ED5-F71589DA93EB}"/>
          </ac:spMkLst>
        </pc:spChg>
        <pc:spChg chg="add del mod">
          <ac:chgData name="Aluffi, Pietro" userId="810df28b-0e6a-47dc-86dd-8f68aed2c426" providerId="ADAL" clId="{1A807C71-F309-C34E-8EEF-897EDA475A1E}" dt="2023-03-27T12:02:35.344" v="7677" actId="478"/>
          <ac:spMkLst>
            <pc:docMk/>
            <pc:sldMk cId="742244758" sldId="913"/>
            <ac:spMk id="7" creationId="{1B0C8095-4B60-2D5E-BFF8-625B91B07FCA}"/>
          </ac:spMkLst>
        </pc:spChg>
        <pc:spChg chg="add del mod">
          <ac:chgData name="Aluffi, Pietro" userId="810df28b-0e6a-47dc-86dd-8f68aed2c426" providerId="ADAL" clId="{1A807C71-F309-C34E-8EEF-897EDA475A1E}" dt="2023-03-27T12:02:35.344" v="7677" actId="478"/>
          <ac:spMkLst>
            <pc:docMk/>
            <pc:sldMk cId="742244758" sldId="913"/>
            <ac:spMk id="8" creationId="{63F104B6-2AEB-A677-6997-48C53F18DA7D}"/>
          </ac:spMkLst>
        </pc:spChg>
        <pc:picChg chg="add mod">
          <ac:chgData name="Aluffi, Pietro" userId="810df28b-0e6a-47dc-86dd-8f68aed2c426" providerId="ADAL" clId="{1A807C71-F309-C34E-8EEF-897EDA475A1E}" dt="2023-03-27T12:14:05.096" v="8473" actId="1076"/>
          <ac:picMkLst>
            <pc:docMk/>
            <pc:sldMk cId="742244758" sldId="913"/>
            <ac:picMk id="9" creationId="{9C5D60ED-AC12-4A03-7050-DD2B53143130}"/>
          </ac:picMkLst>
        </pc:picChg>
      </pc:sldChg>
      <pc:sldChg chg="add del">
        <pc:chgData name="Aluffi, Pietro" userId="810df28b-0e6a-47dc-86dd-8f68aed2c426" providerId="ADAL" clId="{1A807C71-F309-C34E-8EEF-897EDA475A1E}" dt="2023-03-27T11:47:53.240" v="6980"/>
        <pc:sldMkLst>
          <pc:docMk/>
          <pc:sldMk cId="1207316133" sldId="913"/>
        </pc:sldMkLst>
      </pc:sldChg>
      <pc:sldChg chg="addSp delSp modSp add mod modNotesTx">
        <pc:chgData name="Aluffi, Pietro" userId="810df28b-0e6a-47dc-86dd-8f68aed2c426" providerId="ADAL" clId="{1A807C71-F309-C34E-8EEF-897EDA475A1E}" dt="2023-03-27T12:31:00.796" v="8512" actId="20577"/>
        <pc:sldMkLst>
          <pc:docMk/>
          <pc:sldMk cId="1032207553" sldId="914"/>
        </pc:sldMkLst>
        <pc:spChg chg="mod">
          <ac:chgData name="Aluffi, Pietro" userId="810df28b-0e6a-47dc-86dd-8f68aed2c426" providerId="ADAL" clId="{1A807C71-F309-C34E-8EEF-897EDA475A1E}" dt="2023-03-27T12:31:00.796" v="8512" actId="20577"/>
          <ac:spMkLst>
            <pc:docMk/>
            <pc:sldMk cId="1032207553" sldId="914"/>
            <ac:spMk id="2" creationId="{21096E01-C598-2602-27C6-BDA017BA3EA8}"/>
          </ac:spMkLst>
        </pc:spChg>
        <pc:spChg chg="mod">
          <ac:chgData name="Aluffi, Pietro" userId="810df28b-0e6a-47dc-86dd-8f68aed2c426" providerId="ADAL" clId="{1A807C71-F309-C34E-8EEF-897EDA475A1E}" dt="2023-03-27T12:27:24.438" v="8491" actId="20577"/>
          <ac:spMkLst>
            <pc:docMk/>
            <pc:sldMk cId="1032207553" sldId="914"/>
            <ac:spMk id="3" creationId="{6D5CDC84-3563-DED4-F9A0-396686A3ECFC}"/>
          </ac:spMkLst>
        </pc:spChg>
        <pc:spChg chg="del mod">
          <ac:chgData name="Aluffi, Pietro" userId="810df28b-0e6a-47dc-86dd-8f68aed2c426" providerId="ADAL" clId="{1A807C71-F309-C34E-8EEF-897EDA475A1E}" dt="2023-03-27T12:11:06.819" v="8259" actId="478"/>
          <ac:spMkLst>
            <pc:docMk/>
            <pc:sldMk cId="1032207553" sldId="914"/>
            <ac:spMk id="4" creationId="{66071185-4A03-42EE-30F9-D0C26783BD9B}"/>
          </ac:spMkLst>
        </pc:spChg>
        <pc:spChg chg="del">
          <ac:chgData name="Aluffi, Pietro" userId="810df28b-0e6a-47dc-86dd-8f68aed2c426" providerId="ADAL" clId="{1A807C71-F309-C34E-8EEF-897EDA475A1E}" dt="2023-03-27T12:05:40.644" v="7869" actId="478"/>
          <ac:spMkLst>
            <pc:docMk/>
            <pc:sldMk cId="1032207553" sldId="914"/>
            <ac:spMk id="5" creationId="{9C0C89B8-5E83-7C6D-66BD-8675B3CBE0B2}"/>
          </ac:spMkLst>
        </pc:spChg>
        <pc:spChg chg="del">
          <ac:chgData name="Aluffi, Pietro" userId="810df28b-0e6a-47dc-86dd-8f68aed2c426" providerId="ADAL" clId="{1A807C71-F309-C34E-8EEF-897EDA475A1E}" dt="2023-03-27T12:10:52.356" v="8255" actId="478"/>
          <ac:spMkLst>
            <pc:docMk/>
            <pc:sldMk cId="1032207553" sldId="914"/>
            <ac:spMk id="6" creationId="{5CF99E4C-8DD6-4A8D-0ED5-F71589DA93EB}"/>
          </ac:spMkLst>
        </pc:spChg>
        <pc:spChg chg="add mod">
          <ac:chgData name="Aluffi, Pietro" userId="810df28b-0e6a-47dc-86dd-8f68aed2c426" providerId="ADAL" clId="{1A807C71-F309-C34E-8EEF-897EDA475A1E}" dt="2023-03-27T12:11:06.819" v="8259" actId="478"/>
          <ac:spMkLst>
            <pc:docMk/>
            <pc:sldMk cId="1032207553" sldId="914"/>
            <ac:spMk id="12" creationId="{09ECB898-5BC2-D381-3F94-0C2B3F304D8B}"/>
          </ac:spMkLst>
        </pc:spChg>
        <pc:picChg chg="add mod">
          <ac:chgData name="Aluffi, Pietro" userId="810df28b-0e6a-47dc-86dd-8f68aed2c426" providerId="ADAL" clId="{1A807C71-F309-C34E-8EEF-897EDA475A1E}" dt="2023-03-27T12:05:38.490" v="7868" actId="1076"/>
          <ac:picMkLst>
            <pc:docMk/>
            <pc:sldMk cId="1032207553" sldId="914"/>
            <ac:picMk id="7" creationId="{3420CBD0-4F15-996F-E3BF-BCD8DB448BD4}"/>
          </ac:picMkLst>
        </pc:picChg>
        <pc:picChg chg="add mod">
          <ac:chgData name="Aluffi, Pietro" userId="810df28b-0e6a-47dc-86dd-8f68aed2c426" providerId="ADAL" clId="{1A807C71-F309-C34E-8EEF-897EDA475A1E}" dt="2023-03-27T12:06:01.353" v="7876" actId="1076"/>
          <ac:picMkLst>
            <pc:docMk/>
            <pc:sldMk cId="1032207553" sldId="914"/>
            <ac:picMk id="8" creationId="{26095166-F4A2-F3B7-EC72-2906220575A1}"/>
          </ac:picMkLst>
        </pc:picChg>
        <pc:picChg chg="add mod">
          <ac:chgData name="Aluffi, Pietro" userId="810df28b-0e6a-47dc-86dd-8f68aed2c426" providerId="ADAL" clId="{1A807C71-F309-C34E-8EEF-897EDA475A1E}" dt="2023-03-27T12:05:47.073" v="7871" actId="1076"/>
          <ac:picMkLst>
            <pc:docMk/>
            <pc:sldMk cId="1032207553" sldId="914"/>
            <ac:picMk id="9" creationId="{65E2650B-C452-57DD-28FE-BBF227E01F32}"/>
          </ac:picMkLst>
        </pc:picChg>
        <pc:picChg chg="add mod">
          <ac:chgData name="Aluffi, Pietro" userId="810df28b-0e6a-47dc-86dd-8f68aed2c426" providerId="ADAL" clId="{1A807C71-F309-C34E-8EEF-897EDA475A1E}" dt="2023-03-27T12:05:57.455" v="7874" actId="1076"/>
          <ac:picMkLst>
            <pc:docMk/>
            <pc:sldMk cId="1032207553" sldId="914"/>
            <ac:picMk id="10" creationId="{028F8B68-18D8-117A-610A-5F2E78341380}"/>
          </ac:picMkLst>
        </pc:picChg>
      </pc:sldChg>
      <pc:sldChg chg="modSp add del mod modShow">
        <pc:chgData name="Aluffi, Pietro" userId="810df28b-0e6a-47dc-86dd-8f68aed2c426" providerId="ADAL" clId="{1A807C71-F309-C34E-8EEF-897EDA475A1E}" dt="2023-03-27T12:15:20.147" v="8484" actId="729"/>
        <pc:sldMkLst>
          <pc:docMk/>
          <pc:sldMk cId="25574043" sldId="915"/>
        </pc:sldMkLst>
        <pc:spChg chg="mod">
          <ac:chgData name="Aluffi, Pietro" userId="810df28b-0e6a-47dc-86dd-8f68aed2c426" providerId="ADAL" clId="{1A807C71-F309-C34E-8EEF-897EDA475A1E}" dt="2023-03-27T12:14:33.102" v="8478" actId="20577"/>
          <ac:spMkLst>
            <pc:docMk/>
            <pc:sldMk cId="25574043" sldId="915"/>
            <ac:spMk id="5" creationId="{9C0C89B8-5E83-7C6D-66BD-8675B3CBE0B2}"/>
          </ac:spMkLst>
        </pc:spChg>
      </pc:sldChg>
      <pc:sldChg chg="addSp modSp add mod modNotesTx">
        <pc:chgData name="Aluffi, Pietro" userId="810df28b-0e6a-47dc-86dd-8f68aed2c426" providerId="ADAL" clId="{1A807C71-F309-C34E-8EEF-897EDA475A1E}" dt="2023-03-27T12:31:26.745" v="8517"/>
        <pc:sldMkLst>
          <pc:docMk/>
          <pc:sldMk cId="1932698756" sldId="916"/>
        </pc:sldMkLst>
        <pc:spChg chg="mod">
          <ac:chgData name="Aluffi, Pietro" userId="810df28b-0e6a-47dc-86dd-8f68aed2c426" providerId="ADAL" clId="{1A807C71-F309-C34E-8EEF-897EDA475A1E}" dt="2023-03-27T12:30:57.170" v="8510" actId="20577"/>
          <ac:spMkLst>
            <pc:docMk/>
            <pc:sldMk cId="1932698756" sldId="916"/>
            <ac:spMk id="2" creationId="{21096E01-C598-2602-27C6-BDA017BA3EA8}"/>
          </ac:spMkLst>
        </pc:spChg>
        <pc:spChg chg="mod">
          <ac:chgData name="Aluffi, Pietro" userId="810df28b-0e6a-47dc-86dd-8f68aed2c426" providerId="ADAL" clId="{1A807C71-F309-C34E-8EEF-897EDA475A1E}" dt="2023-03-27T12:27:49.473" v="8497" actId="20577"/>
          <ac:spMkLst>
            <pc:docMk/>
            <pc:sldMk cId="1932698756" sldId="916"/>
            <ac:spMk id="3" creationId="{6D5CDC84-3563-DED4-F9A0-396686A3ECFC}"/>
          </ac:spMkLst>
        </pc:spChg>
        <pc:spChg chg="mod">
          <ac:chgData name="Aluffi, Pietro" userId="810df28b-0e6a-47dc-86dd-8f68aed2c426" providerId="ADAL" clId="{1A807C71-F309-C34E-8EEF-897EDA475A1E}" dt="2023-03-27T12:27:39.275" v="8493" actId="21"/>
          <ac:spMkLst>
            <pc:docMk/>
            <pc:sldMk cId="1932698756" sldId="916"/>
            <ac:spMk id="4" creationId="{66071185-4A03-42EE-30F9-D0C26783BD9B}"/>
          </ac:spMkLst>
        </pc:spChg>
        <pc:spChg chg="mod">
          <ac:chgData name="Aluffi, Pietro" userId="810df28b-0e6a-47dc-86dd-8f68aed2c426" providerId="ADAL" clId="{1A807C71-F309-C34E-8EEF-897EDA475A1E}" dt="2023-03-27T12:29:09.967" v="8498"/>
          <ac:spMkLst>
            <pc:docMk/>
            <pc:sldMk cId="1932698756" sldId="916"/>
            <ac:spMk id="6" creationId="{A5DBBECF-5009-DC09-FD99-E60BD2615C72}"/>
          </ac:spMkLst>
        </pc:spChg>
        <pc:grpChg chg="add mod">
          <ac:chgData name="Aluffi, Pietro" userId="810df28b-0e6a-47dc-86dd-8f68aed2c426" providerId="ADAL" clId="{1A807C71-F309-C34E-8EEF-897EDA475A1E}" dt="2023-03-27T12:30:51.400" v="8506" actId="1076"/>
          <ac:grpSpMkLst>
            <pc:docMk/>
            <pc:sldMk cId="1932698756" sldId="916"/>
            <ac:grpSpMk id="5" creationId="{BBA2CBFD-D6BF-FDBD-8974-3D1FF34BCE2B}"/>
          </ac:grpSpMkLst>
        </pc:grpChg>
        <pc:picChg chg="mod">
          <ac:chgData name="Aluffi, Pietro" userId="810df28b-0e6a-47dc-86dd-8f68aed2c426" providerId="ADAL" clId="{1A807C71-F309-C34E-8EEF-897EDA475A1E}" dt="2023-03-27T12:29:09.967" v="8498"/>
          <ac:picMkLst>
            <pc:docMk/>
            <pc:sldMk cId="1932698756" sldId="916"/>
            <ac:picMk id="11" creationId="{14CF6A80-704B-0277-129B-06C8A684DFFE}"/>
          </ac:picMkLst>
        </pc:picChg>
        <pc:picChg chg="add mod">
          <ac:chgData name="Aluffi, Pietro" userId="810df28b-0e6a-47dc-86dd-8f68aed2c426" providerId="ADAL" clId="{1A807C71-F309-C34E-8EEF-897EDA475A1E}" dt="2023-03-27T12:30:54.816" v="8508" actId="1076"/>
          <ac:picMkLst>
            <pc:docMk/>
            <pc:sldMk cId="1932698756" sldId="916"/>
            <ac:picMk id="12" creationId="{4821B2E6-495C-DCAD-4940-9E46AC38880E}"/>
          </ac:picMkLst>
        </pc:picChg>
        <pc:picChg chg="add mod">
          <ac:chgData name="Aluffi, Pietro" userId="810df28b-0e6a-47dc-86dd-8f68aed2c426" providerId="ADAL" clId="{1A807C71-F309-C34E-8EEF-897EDA475A1E}" dt="2023-03-27T12:30:52.833" v="8507" actId="1076"/>
          <ac:picMkLst>
            <pc:docMk/>
            <pc:sldMk cId="1932698756" sldId="916"/>
            <ac:picMk id="13" creationId="{D46BFEF8-C037-A3E3-5866-E4D4DCD2CCB8}"/>
          </ac:picMkLst>
        </pc:picChg>
      </pc:sldChg>
      <pc:sldChg chg="add">
        <pc:chgData name="Aluffi, Pietro" userId="810df28b-0e6a-47dc-86dd-8f68aed2c426" providerId="ADAL" clId="{1A807C71-F309-C34E-8EEF-897EDA475A1E}" dt="2023-03-27T18:27:23.876" v="8592"/>
        <pc:sldMkLst>
          <pc:docMk/>
          <pc:sldMk cId="1828430695" sldId="917"/>
        </pc:sldMkLst>
      </pc:sldChg>
      <pc:sldChg chg="add del setBg">
        <pc:chgData name="Aluffi, Pietro" userId="810df28b-0e6a-47dc-86dd-8f68aed2c426" providerId="ADAL" clId="{1A807C71-F309-C34E-8EEF-897EDA475A1E}" dt="2023-03-27T18:27:23.847" v="8591"/>
        <pc:sldMkLst>
          <pc:docMk/>
          <pc:sldMk cId="3705429751" sldId="917"/>
        </pc:sldMkLst>
      </pc:sldChg>
      <pc:sldChg chg="new del">
        <pc:chgData name="Aluffi, Pietro" userId="810df28b-0e6a-47dc-86dd-8f68aed2c426" providerId="ADAL" clId="{1A807C71-F309-C34E-8EEF-897EDA475A1E}" dt="2023-03-27T12:14:00.169" v="8472" actId="680"/>
        <pc:sldMkLst>
          <pc:docMk/>
          <pc:sldMk cId="4051148533" sldId="917"/>
        </pc:sldMkLst>
      </pc:sldChg>
    </pc:docChg>
  </pc:docChgLst>
  <pc:docChgLst>
    <pc:chgData name="Aluffi, Pietro" userId="S::pietro.aluffi@unisg.ch::810df28b-0e6a-47dc-86dd-8f68aed2c426" providerId="AD" clId="Web-{43C8CCEF-200F-59AD-79BA-79200BFBFCD4}"/>
    <pc:docChg chg="modSld">
      <pc:chgData name="Aluffi, Pietro" userId="S::pietro.aluffi@unisg.ch::810df28b-0e6a-47dc-86dd-8f68aed2c426" providerId="AD" clId="Web-{43C8CCEF-200F-59AD-79BA-79200BFBFCD4}" dt="2022-05-16T14:33:22.469" v="5" actId="20577"/>
      <pc:docMkLst>
        <pc:docMk/>
      </pc:docMkLst>
      <pc:sldChg chg="modSp">
        <pc:chgData name="Aluffi, Pietro" userId="S::pietro.aluffi@unisg.ch::810df28b-0e6a-47dc-86dd-8f68aed2c426" providerId="AD" clId="Web-{43C8CCEF-200F-59AD-79BA-79200BFBFCD4}" dt="2022-05-16T14:33:22.469" v="5" actId="20577"/>
        <pc:sldMkLst>
          <pc:docMk/>
          <pc:sldMk cId="1027030971" sldId="260"/>
        </pc:sldMkLst>
        <pc:spChg chg="mod">
          <ac:chgData name="Aluffi, Pietro" userId="S::pietro.aluffi@unisg.ch::810df28b-0e6a-47dc-86dd-8f68aed2c426" providerId="AD" clId="Web-{43C8CCEF-200F-59AD-79BA-79200BFBFCD4}" dt="2022-05-16T14:33:22.469" v="5" actId="20577"/>
          <ac:spMkLst>
            <pc:docMk/>
            <pc:sldMk cId="1027030971" sldId="260"/>
            <ac:spMk id="3" creationId="{B3A452BF-BC7E-4241-8028-121E88C1F22B}"/>
          </ac:spMkLst>
        </pc:spChg>
      </pc:sldChg>
    </pc:docChg>
  </pc:docChgLst>
  <pc:docChgLst>
    <pc:chgData name="Aluffi, Pietro" userId="810df28b-0e6a-47dc-86dd-8f68aed2c426" providerId="ADAL" clId="{89F1A962-CF43-894A-B0CF-B3713C7CE6CC}"/>
    <pc:docChg chg="undo redo custSel addSld delSld modSld sldOrd">
      <pc:chgData name="Aluffi, Pietro" userId="810df28b-0e6a-47dc-86dd-8f68aed2c426" providerId="ADAL" clId="{89F1A962-CF43-894A-B0CF-B3713C7CE6CC}" dt="2022-11-18T13:13:18.806" v="5588" actId="20578"/>
      <pc:docMkLst>
        <pc:docMk/>
      </pc:docMkLst>
      <pc:sldChg chg="addSp delSp modSp mod">
        <pc:chgData name="Aluffi, Pietro" userId="810df28b-0e6a-47dc-86dd-8f68aed2c426" providerId="ADAL" clId="{89F1A962-CF43-894A-B0CF-B3713C7CE6CC}" dt="2022-11-18T13:13:00.157" v="5585" actId="478"/>
        <pc:sldMkLst>
          <pc:docMk/>
          <pc:sldMk cId="1027030971" sldId="260"/>
        </pc:sldMkLst>
        <pc:spChg chg="mod">
          <ac:chgData name="Aluffi, Pietro" userId="810df28b-0e6a-47dc-86dd-8f68aed2c426" providerId="ADAL" clId="{89F1A962-CF43-894A-B0CF-B3713C7CE6CC}" dt="2022-11-16T14:43:12.279" v="4574" actId="20577"/>
          <ac:spMkLst>
            <pc:docMk/>
            <pc:sldMk cId="1027030971" sldId="260"/>
            <ac:spMk id="2" creationId="{E94B0BCA-4F5F-4013-85EF-9B92FCD581B6}"/>
          </ac:spMkLst>
        </pc:spChg>
        <pc:spChg chg="mod">
          <ac:chgData name="Aluffi, Pietro" userId="810df28b-0e6a-47dc-86dd-8f68aed2c426" providerId="ADAL" clId="{89F1A962-CF43-894A-B0CF-B3713C7CE6CC}" dt="2022-11-16T13:58:30.040" v="4277" actId="20577"/>
          <ac:spMkLst>
            <pc:docMk/>
            <pc:sldMk cId="1027030971" sldId="260"/>
            <ac:spMk id="3" creationId="{B3A452BF-BC7E-4241-8028-121E88C1F22B}"/>
          </ac:spMkLst>
        </pc:spChg>
        <pc:picChg chg="add del mod modCrop">
          <ac:chgData name="Aluffi, Pietro" userId="810df28b-0e6a-47dc-86dd-8f68aed2c426" providerId="ADAL" clId="{89F1A962-CF43-894A-B0CF-B3713C7CE6CC}" dt="2022-11-18T13:13:00.157" v="5585" actId="478"/>
          <ac:picMkLst>
            <pc:docMk/>
            <pc:sldMk cId="1027030971" sldId="260"/>
            <ac:picMk id="5" creationId="{B4AC073D-6194-7AAA-4820-166C0814B152}"/>
          </ac:picMkLst>
        </pc:picChg>
        <pc:picChg chg="add del mod">
          <ac:chgData name="Aluffi, Pietro" userId="810df28b-0e6a-47dc-86dd-8f68aed2c426" providerId="ADAL" clId="{89F1A962-CF43-894A-B0CF-B3713C7CE6CC}" dt="2022-11-16T13:58:31.974" v="4278" actId="478"/>
          <ac:picMkLst>
            <pc:docMk/>
            <pc:sldMk cId="1027030971" sldId="260"/>
            <ac:picMk id="8" creationId="{CB251159-735C-3478-E978-6B0B4AED6A69}"/>
          </ac:picMkLst>
        </pc:picChg>
      </pc:sldChg>
      <pc:sldChg chg="del">
        <pc:chgData name="Aluffi, Pietro" userId="810df28b-0e6a-47dc-86dd-8f68aed2c426" providerId="ADAL" clId="{89F1A962-CF43-894A-B0CF-B3713C7CE6CC}" dt="2022-11-16T07:52:54.553" v="1384" actId="2696"/>
        <pc:sldMkLst>
          <pc:docMk/>
          <pc:sldMk cId="1060726166" sldId="773"/>
        </pc:sldMkLst>
      </pc:sldChg>
      <pc:sldChg chg="del">
        <pc:chgData name="Aluffi, Pietro" userId="810df28b-0e6a-47dc-86dd-8f68aed2c426" providerId="ADAL" clId="{89F1A962-CF43-894A-B0CF-B3713C7CE6CC}" dt="2022-11-16T07:52:56.602" v="1386" actId="2696"/>
        <pc:sldMkLst>
          <pc:docMk/>
          <pc:sldMk cId="545875846" sldId="775"/>
        </pc:sldMkLst>
      </pc:sldChg>
      <pc:sldChg chg="del">
        <pc:chgData name="Aluffi, Pietro" userId="810df28b-0e6a-47dc-86dd-8f68aed2c426" providerId="ADAL" clId="{89F1A962-CF43-894A-B0CF-B3713C7CE6CC}" dt="2022-11-16T07:52:51.496" v="1382" actId="2696"/>
        <pc:sldMkLst>
          <pc:docMk/>
          <pc:sldMk cId="1170529924" sldId="809"/>
        </pc:sldMkLst>
      </pc:sldChg>
      <pc:sldChg chg="del">
        <pc:chgData name="Aluffi, Pietro" userId="810df28b-0e6a-47dc-86dd-8f68aed2c426" providerId="ADAL" clId="{89F1A962-CF43-894A-B0CF-B3713C7CE6CC}" dt="2022-11-16T07:52:49.097" v="1380" actId="2696"/>
        <pc:sldMkLst>
          <pc:docMk/>
          <pc:sldMk cId="1993635591" sldId="810"/>
        </pc:sldMkLst>
      </pc:sldChg>
      <pc:sldChg chg="del">
        <pc:chgData name="Aluffi, Pietro" userId="810df28b-0e6a-47dc-86dd-8f68aed2c426" providerId="ADAL" clId="{89F1A962-CF43-894A-B0CF-B3713C7CE6CC}" dt="2022-11-16T07:52:47.412" v="1379" actId="2696"/>
        <pc:sldMkLst>
          <pc:docMk/>
          <pc:sldMk cId="1576090608" sldId="814"/>
        </pc:sldMkLst>
      </pc:sldChg>
      <pc:sldChg chg="del modNotesTx">
        <pc:chgData name="Aluffi, Pietro" userId="810df28b-0e6a-47dc-86dd-8f68aed2c426" providerId="ADAL" clId="{89F1A962-CF43-894A-B0CF-B3713C7CE6CC}" dt="2022-11-16T07:52:55.535" v="1385" actId="2696"/>
        <pc:sldMkLst>
          <pc:docMk/>
          <pc:sldMk cId="1868121453" sldId="815"/>
        </pc:sldMkLst>
      </pc:sldChg>
      <pc:sldChg chg="del">
        <pc:chgData name="Aluffi, Pietro" userId="810df28b-0e6a-47dc-86dd-8f68aed2c426" providerId="ADAL" clId="{89F1A962-CF43-894A-B0CF-B3713C7CE6CC}" dt="2022-11-16T07:52:53.119" v="1383" actId="2696"/>
        <pc:sldMkLst>
          <pc:docMk/>
          <pc:sldMk cId="1158557512" sldId="816"/>
        </pc:sldMkLst>
      </pc:sldChg>
      <pc:sldChg chg="del">
        <pc:chgData name="Aluffi, Pietro" userId="810df28b-0e6a-47dc-86dd-8f68aed2c426" providerId="ADAL" clId="{89F1A962-CF43-894A-B0CF-B3713C7CE6CC}" dt="2022-11-16T07:52:50.270" v="1381" actId="2696"/>
        <pc:sldMkLst>
          <pc:docMk/>
          <pc:sldMk cId="3349583587" sldId="817"/>
        </pc:sldMkLst>
      </pc:sldChg>
      <pc:sldChg chg="addSp delSp modSp mod">
        <pc:chgData name="Aluffi, Pietro" userId="810df28b-0e6a-47dc-86dd-8f68aed2c426" providerId="ADAL" clId="{89F1A962-CF43-894A-B0CF-B3713C7CE6CC}" dt="2022-11-18T13:13:04.061" v="5586" actId="478"/>
        <pc:sldMkLst>
          <pc:docMk/>
          <pc:sldMk cId="1861690961" sldId="819"/>
        </pc:sldMkLst>
        <pc:spChg chg="del mod">
          <ac:chgData name="Aluffi, Pietro" userId="810df28b-0e6a-47dc-86dd-8f68aed2c426" providerId="ADAL" clId="{89F1A962-CF43-894A-B0CF-B3713C7CE6CC}" dt="2022-11-16T15:04:34.596" v="4676" actId="478"/>
          <ac:spMkLst>
            <pc:docMk/>
            <pc:sldMk cId="1861690961" sldId="819"/>
            <ac:spMk id="3" creationId="{B3A452BF-BC7E-4241-8028-121E88C1F22B}"/>
          </ac:spMkLst>
        </pc:spChg>
        <pc:spChg chg="add del mod">
          <ac:chgData name="Aluffi, Pietro" userId="810df28b-0e6a-47dc-86dd-8f68aed2c426" providerId="ADAL" clId="{89F1A962-CF43-894A-B0CF-B3713C7CE6CC}" dt="2022-11-16T15:04:37.021" v="4677" actId="478"/>
          <ac:spMkLst>
            <pc:docMk/>
            <pc:sldMk cId="1861690961" sldId="819"/>
            <ac:spMk id="5" creationId="{F95FD173-E754-237B-7630-FB4E3D4CBD3F}"/>
          </ac:spMkLst>
        </pc:spChg>
        <pc:picChg chg="add del mod">
          <ac:chgData name="Aluffi, Pietro" userId="810df28b-0e6a-47dc-86dd-8f68aed2c426" providerId="ADAL" clId="{89F1A962-CF43-894A-B0CF-B3713C7CE6CC}" dt="2022-11-18T13:13:04.061" v="5586" actId="478"/>
          <ac:picMkLst>
            <pc:docMk/>
            <pc:sldMk cId="1861690961" sldId="819"/>
            <ac:picMk id="3" creationId="{8E8E1719-CADA-C134-638D-DC4F6CDF1FFB}"/>
          </ac:picMkLst>
        </pc:picChg>
        <pc:picChg chg="del">
          <ac:chgData name="Aluffi, Pietro" userId="810df28b-0e6a-47dc-86dd-8f68aed2c426" providerId="ADAL" clId="{89F1A962-CF43-894A-B0CF-B3713C7CE6CC}" dt="2022-11-16T15:06:58.547" v="4678" actId="478"/>
          <ac:picMkLst>
            <pc:docMk/>
            <pc:sldMk cId="1861690961" sldId="819"/>
            <ac:picMk id="8" creationId="{CB251159-735C-3478-E978-6B0B4AED6A69}"/>
          </ac:picMkLst>
        </pc:picChg>
      </pc:sldChg>
      <pc:sldChg chg="modNotesTx">
        <pc:chgData name="Aluffi, Pietro" userId="810df28b-0e6a-47dc-86dd-8f68aed2c426" providerId="ADAL" clId="{89F1A962-CF43-894A-B0CF-B3713C7CE6CC}" dt="2022-11-18T09:16:38.853" v="4962" actId="20577"/>
        <pc:sldMkLst>
          <pc:docMk/>
          <pc:sldMk cId="1070425001" sldId="822"/>
        </pc:sldMkLst>
      </pc:sldChg>
      <pc:sldChg chg="modSp mod modNotesTx">
        <pc:chgData name="Aluffi, Pietro" userId="810df28b-0e6a-47dc-86dd-8f68aed2c426" providerId="ADAL" clId="{89F1A962-CF43-894A-B0CF-B3713C7CE6CC}" dt="2022-11-18T09:26:33.694" v="5112" actId="20577"/>
        <pc:sldMkLst>
          <pc:docMk/>
          <pc:sldMk cId="1700681543" sldId="837"/>
        </pc:sldMkLst>
        <pc:spChg chg="mod">
          <ac:chgData name="Aluffi, Pietro" userId="810df28b-0e6a-47dc-86dd-8f68aed2c426" providerId="ADAL" clId="{89F1A962-CF43-894A-B0CF-B3713C7CE6CC}" dt="2022-11-15T15:03:46.760" v="0" actId="108"/>
          <ac:spMkLst>
            <pc:docMk/>
            <pc:sldMk cId="1700681543" sldId="837"/>
            <ac:spMk id="2" creationId="{AFE34C7F-346D-4632-A718-477C9B221782}"/>
          </ac:spMkLst>
        </pc:spChg>
      </pc:sldChg>
      <pc:sldChg chg="addSp delSp modSp add mod">
        <pc:chgData name="Aluffi, Pietro" userId="810df28b-0e6a-47dc-86dd-8f68aed2c426" providerId="ADAL" clId="{89F1A962-CF43-894A-B0CF-B3713C7CE6CC}" dt="2022-11-16T11:34:30.809" v="1805" actId="1076"/>
        <pc:sldMkLst>
          <pc:docMk/>
          <pc:sldMk cId="4241145401" sldId="839"/>
        </pc:sldMkLst>
        <pc:spChg chg="mod">
          <ac:chgData name="Aluffi, Pietro" userId="810df28b-0e6a-47dc-86dd-8f68aed2c426" providerId="ADAL" clId="{89F1A962-CF43-894A-B0CF-B3713C7CE6CC}" dt="2022-11-15T15:26:34.844" v="355" actId="20577"/>
          <ac:spMkLst>
            <pc:docMk/>
            <pc:sldMk cId="4241145401" sldId="839"/>
            <ac:spMk id="2" creationId="{AFE34C7F-346D-4632-A718-477C9B221782}"/>
          </ac:spMkLst>
        </pc:spChg>
        <pc:spChg chg="del">
          <ac:chgData name="Aluffi, Pietro" userId="810df28b-0e6a-47dc-86dd-8f68aed2c426" providerId="ADAL" clId="{89F1A962-CF43-894A-B0CF-B3713C7CE6CC}" dt="2022-11-15T15:23:51.644" v="312" actId="478"/>
          <ac:spMkLst>
            <pc:docMk/>
            <pc:sldMk cId="4241145401" sldId="839"/>
            <ac:spMk id="7" creationId="{A65157D5-84D0-D4EC-2CCD-903D369A5B48}"/>
          </ac:spMkLst>
        </pc:spChg>
        <pc:spChg chg="del">
          <ac:chgData name="Aluffi, Pietro" userId="810df28b-0e6a-47dc-86dd-8f68aed2c426" providerId="ADAL" clId="{89F1A962-CF43-894A-B0CF-B3713C7CE6CC}" dt="2022-11-15T15:23:48.970" v="311" actId="478"/>
          <ac:spMkLst>
            <pc:docMk/>
            <pc:sldMk cId="4241145401" sldId="839"/>
            <ac:spMk id="9" creationId="{929E2F5A-3611-3488-7AFB-95ACCA361C0B}"/>
          </ac:spMkLst>
        </pc:spChg>
        <pc:spChg chg="mod">
          <ac:chgData name="Aluffi, Pietro" userId="810df28b-0e6a-47dc-86dd-8f68aed2c426" providerId="ADAL" clId="{89F1A962-CF43-894A-B0CF-B3713C7CE6CC}" dt="2022-11-15T15:22:34.309" v="296"/>
          <ac:spMkLst>
            <pc:docMk/>
            <pc:sldMk cId="4241145401" sldId="839"/>
            <ac:spMk id="35" creationId="{879B24E9-783E-A26F-1955-95A1059D99B3}"/>
          </ac:spMkLst>
        </pc:spChg>
        <pc:spChg chg="mod">
          <ac:chgData name="Aluffi, Pietro" userId="810df28b-0e6a-47dc-86dd-8f68aed2c426" providerId="ADAL" clId="{89F1A962-CF43-894A-B0CF-B3713C7CE6CC}" dt="2022-11-15T15:23:28.882" v="309" actId="20577"/>
          <ac:spMkLst>
            <pc:docMk/>
            <pc:sldMk cId="4241145401" sldId="839"/>
            <ac:spMk id="36" creationId="{72E1B995-0139-6382-5027-4804766817D0}"/>
          </ac:spMkLst>
        </pc:spChg>
        <pc:grpChg chg="mod">
          <ac:chgData name="Aluffi, Pietro" userId="810df28b-0e6a-47dc-86dd-8f68aed2c426" providerId="ADAL" clId="{89F1A962-CF43-894A-B0CF-B3713C7CE6CC}" dt="2022-11-16T11:34:30.809" v="1805" actId="1076"/>
          <ac:grpSpMkLst>
            <pc:docMk/>
            <pc:sldMk cId="4241145401" sldId="839"/>
            <ac:grpSpMk id="4" creationId="{E0A7FBF1-F364-D7B8-6441-7D61A7029142}"/>
          </ac:grpSpMkLst>
        </pc:grpChg>
        <pc:grpChg chg="del">
          <ac:chgData name="Aluffi, Pietro" userId="810df28b-0e6a-47dc-86dd-8f68aed2c426" providerId="ADAL" clId="{89F1A962-CF43-894A-B0CF-B3713C7CE6CC}" dt="2022-11-15T15:23:48.970" v="311" actId="478"/>
          <ac:grpSpMkLst>
            <pc:docMk/>
            <pc:sldMk cId="4241145401" sldId="839"/>
            <ac:grpSpMk id="72" creationId="{F07FD857-1DD5-F9DF-3896-5BF9EF9E36CD}"/>
          </ac:grpSpMkLst>
        </pc:grpChg>
        <pc:cxnChg chg="add mod">
          <ac:chgData name="Aluffi, Pietro" userId="810df28b-0e6a-47dc-86dd-8f68aed2c426" providerId="ADAL" clId="{89F1A962-CF43-894A-B0CF-B3713C7CE6CC}" dt="2022-11-16T11:34:30.809" v="1805" actId="1076"/>
          <ac:cxnSpMkLst>
            <pc:docMk/>
            <pc:sldMk cId="4241145401" sldId="839"/>
            <ac:cxnSpMk id="6" creationId="{D5012002-AC43-8516-EB78-A5F095E03E67}"/>
          </ac:cxnSpMkLst>
        </pc:cxnChg>
        <pc:cxnChg chg="del mod">
          <ac:chgData name="Aluffi, Pietro" userId="810df28b-0e6a-47dc-86dd-8f68aed2c426" providerId="ADAL" clId="{89F1A962-CF43-894A-B0CF-B3713C7CE6CC}" dt="2022-11-15T15:23:43.077" v="310" actId="478"/>
          <ac:cxnSpMkLst>
            <pc:docMk/>
            <pc:sldMk cId="4241145401" sldId="839"/>
            <ac:cxnSpMk id="30" creationId="{E51A4172-F31B-CA0D-D083-88B5378135F7}"/>
          </ac:cxnSpMkLst>
        </pc:cxnChg>
        <pc:cxnChg chg="mod">
          <ac:chgData name="Aluffi, Pietro" userId="810df28b-0e6a-47dc-86dd-8f68aed2c426" providerId="ADAL" clId="{89F1A962-CF43-894A-B0CF-B3713C7CE6CC}" dt="2022-11-15T15:24:22.875" v="316" actId="692"/>
          <ac:cxnSpMkLst>
            <pc:docMk/>
            <pc:sldMk cId="4241145401" sldId="839"/>
            <ac:cxnSpMk id="40" creationId="{16A0541D-8EA3-F26D-173B-C28E199E5AD3}"/>
          </ac:cxnSpMkLst>
        </pc:cxnChg>
        <pc:cxnChg chg="del mod">
          <ac:chgData name="Aluffi, Pietro" userId="810df28b-0e6a-47dc-86dd-8f68aed2c426" providerId="ADAL" clId="{89F1A962-CF43-894A-B0CF-B3713C7CE6CC}" dt="2022-11-15T15:23:54.178" v="313" actId="478"/>
          <ac:cxnSpMkLst>
            <pc:docMk/>
            <pc:sldMk cId="4241145401" sldId="839"/>
            <ac:cxnSpMk id="44" creationId="{E6EB8E25-938A-A1B8-0E5D-CFB8C04E08E9}"/>
          </ac:cxnSpMkLst>
        </pc:cxnChg>
        <pc:cxnChg chg="mod">
          <ac:chgData name="Aluffi, Pietro" userId="810df28b-0e6a-47dc-86dd-8f68aed2c426" providerId="ADAL" clId="{89F1A962-CF43-894A-B0CF-B3713C7CE6CC}" dt="2022-11-15T15:24:18.765" v="315" actId="692"/>
          <ac:cxnSpMkLst>
            <pc:docMk/>
            <pc:sldMk cId="4241145401" sldId="839"/>
            <ac:cxnSpMk id="46" creationId="{F9755F88-DA8A-D519-CCB1-203E6DA0E120}"/>
          </ac:cxnSpMkLst>
        </pc:cxnChg>
      </pc:sldChg>
      <pc:sldChg chg="mod ord modShow">
        <pc:chgData name="Aluffi, Pietro" userId="810df28b-0e6a-47dc-86dd-8f68aed2c426" providerId="ADAL" clId="{89F1A962-CF43-894A-B0CF-B3713C7CE6CC}" dt="2022-11-16T14:43:59.033" v="4575" actId="729"/>
        <pc:sldMkLst>
          <pc:docMk/>
          <pc:sldMk cId="4134797828" sldId="849"/>
        </pc:sldMkLst>
      </pc:sldChg>
      <pc:sldChg chg="modSp mod ord">
        <pc:chgData name="Aluffi, Pietro" userId="810df28b-0e6a-47dc-86dd-8f68aed2c426" providerId="ADAL" clId="{89F1A962-CF43-894A-B0CF-B3713C7CE6CC}" dt="2022-11-18T13:13:17.634" v="5587" actId="20578"/>
        <pc:sldMkLst>
          <pc:docMk/>
          <pc:sldMk cId="1145089252" sldId="850"/>
        </pc:sldMkLst>
        <pc:spChg chg="mod">
          <ac:chgData name="Aluffi, Pietro" userId="810df28b-0e6a-47dc-86dd-8f68aed2c426" providerId="ADAL" clId="{89F1A962-CF43-894A-B0CF-B3713C7CE6CC}" dt="2022-11-16T14:04:17.872" v="4451" actId="20577"/>
          <ac:spMkLst>
            <pc:docMk/>
            <pc:sldMk cId="1145089252" sldId="850"/>
            <ac:spMk id="8" creationId="{60BB7770-B17E-B131-B804-A3BCCCE5FD86}"/>
          </ac:spMkLst>
        </pc:spChg>
      </pc:sldChg>
      <pc:sldChg chg="addSp delSp modSp add mod modNotesTx">
        <pc:chgData name="Aluffi, Pietro" userId="810df28b-0e6a-47dc-86dd-8f68aed2c426" providerId="ADAL" clId="{89F1A962-CF43-894A-B0CF-B3713C7CE6CC}" dt="2022-11-18T09:28:17.458" v="5399" actId="20577"/>
        <pc:sldMkLst>
          <pc:docMk/>
          <pc:sldMk cId="2235371125" sldId="851"/>
        </pc:sldMkLst>
        <pc:spChg chg="mod">
          <ac:chgData name="Aluffi, Pietro" userId="810df28b-0e6a-47dc-86dd-8f68aed2c426" providerId="ADAL" clId="{89F1A962-CF43-894A-B0CF-B3713C7CE6CC}" dt="2022-11-15T15:26:27.546" v="344" actId="20577"/>
          <ac:spMkLst>
            <pc:docMk/>
            <pc:sldMk cId="2235371125" sldId="851"/>
            <ac:spMk id="2" creationId="{AFE34C7F-346D-4632-A718-477C9B221782}"/>
          </ac:spMkLst>
        </pc:spChg>
        <pc:spChg chg="mod">
          <ac:chgData name="Aluffi, Pietro" userId="810df28b-0e6a-47dc-86dd-8f68aed2c426" providerId="ADAL" clId="{89F1A962-CF43-894A-B0CF-B3713C7CE6CC}" dt="2022-11-16T14:56:36.502" v="4626" actId="113"/>
          <ac:spMkLst>
            <pc:docMk/>
            <pc:sldMk cId="2235371125" sldId="851"/>
            <ac:spMk id="8" creationId="{6F342441-5B1B-F3EC-CF57-5651A294F97C}"/>
          </ac:spMkLst>
        </pc:spChg>
        <pc:spChg chg="add del mod">
          <ac:chgData name="Aluffi, Pietro" userId="810df28b-0e6a-47dc-86dd-8f68aed2c426" providerId="ADAL" clId="{89F1A962-CF43-894A-B0CF-B3713C7CE6CC}" dt="2022-11-15T15:10:28.038" v="100"/>
          <ac:spMkLst>
            <pc:docMk/>
            <pc:sldMk cId="2235371125" sldId="851"/>
            <ac:spMk id="9" creationId="{0C76AC83-CE9E-C927-0315-2E31E79D03EF}"/>
          </ac:spMkLst>
        </pc:spChg>
        <pc:spChg chg="add mod">
          <ac:chgData name="Aluffi, Pietro" userId="810df28b-0e6a-47dc-86dd-8f68aed2c426" providerId="ADAL" clId="{89F1A962-CF43-894A-B0CF-B3713C7CE6CC}" dt="2022-11-15T15:19:45.997" v="286" actId="20577"/>
          <ac:spMkLst>
            <pc:docMk/>
            <pc:sldMk cId="2235371125" sldId="851"/>
            <ac:spMk id="10" creationId="{A10E430C-7C04-2683-77A2-B349CE5CD891}"/>
          </ac:spMkLst>
        </pc:spChg>
        <pc:spChg chg="del">
          <ac:chgData name="Aluffi, Pietro" userId="810df28b-0e6a-47dc-86dd-8f68aed2c426" providerId="ADAL" clId="{89F1A962-CF43-894A-B0CF-B3713C7CE6CC}" dt="2022-11-15T15:06:39.784" v="35" actId="478"/>
          <ac:spMkLst>
            <pc:docMk/>
            <pc:sldMk cId="2235371125" sldId="851"/>
            <ac:spMk id="14" creationId="{BEED775D-9AB1-66FD-7829-93C0FC90F36D}"/>
          </ac:spMkLst>
        </pc:spChg>
        <pc:grpChg chg="del">
          <ac:chgData name="Aluffi, Pietro" userId="810df28b-0e6a-47dc-86dd-8f68aed2c426" providerId="ADAL" clId="{89F1A962-CF43-894A-B0CF-B3713C7CE6CC}" dt="2022-11-15T15:06:19.831" v="33" actId="478"/>
          <ac:grpSpMkLst>
            <pc:docMk/>
            <pc:sldMk cId="2235371125" sldId="851"/>
            <ac:grpSpMk id="11" creationId="{6D0DAA98-8E80-779D-338D-576255DFE2F8}"/>
          </ac:grpSpMkLst>
        </pc:grpChg>
        <pc:picChg chg="add mod">
          <ac:chgData name="Aluffi, Pietro" userId="810df28b-0e6a-47dc-86dd-8f68aed2c426" providerId="ADAL" clId="{89F1A962-CF43-894A-B0CF-B3713C7CE6CC}" dt="2022-11-15T15:09:31.440" v="67" actId="1076"/>
          <ac:picMkLst>
            <pc:docMk/>
            <pc:sldMk cId="2235371125" sldId="851"/>
            <ac:picMk id="5" creationId="{BBF220B9-CA80-3152-BEB7-64568192DDEC}"/>
          </ac:picMkLst>
        </pc:picChg>
        <pc:picChg chg="add mod">
          <ac:chgData name="Aluffi, Pietro" userId="810df28b-0e6a-47dc-86dd-8f68aed2c426" providerId="ADAL" clId="{89F1A962-CF43-894A-B0CF-B3713C7CE6CC}" dt="2022-11-15T15:19:37.667" v="284" actId="1076"/>
          <ac:picMkLst>
            <pc:docMk/>
            <pc:sldMk cId="2235371125" sldId="851"/>
            <ac:picMk id="13" creationId="{FDF76322-0B32-26F4-70C1-EE8DB32DA3B1}"/>
          </ac:picMkLst>
        </pc:picChg>
      </pc:sldChg>
      <pc:sldChg chg="addSp delSp modSp add mod modNotesTx">
        <pc:chgData name="Aluffi, Pietro" userId="810df28b-0e6a-47dc-86dd-8f68aed2c426" providerId="ADAL" clId="{89F1A962-CF43-894A-B0CF-B3713C7CE6CC}" dt="2022-11-18T09:37:20.712" v="5407" actId="20577"/>
        <pc:sldMkLst>
          <pc:docMk/>
          <pc:sldMk cId="3461843698" sldId="852"/>
        </pc:sldMkLst>
        <pc:spChg chg="mod">
          <ac:chgData name="Aluffi, Pietro" userId="810df28b-0e6a-47dc-86dd-8f68aed2c426" providerId="ADAL" clId="{89F1A962-CF43-894A-B0CF-B3713C7CE6CC}" dt="2022-11-15T16:55:57.736" v="1120" actId="20577"/>
          <ac:spMkLst>
            <pc:docMk/>
            <pc:sldMk cId="3461843698" sldId="852"/>
            <ac:spMk id="2" creationId="{AFE34C7F-346D-4632-A718-477C9B221782}"/>
          </ac:spMkLst>
        </pc:spChg>
        <pc:spChg chg="add mod">
          <ac:chgData name="Aluffi, Pietro" userId="810df28b-0e6a-47dc-86dd-8f68aed2c426" providerId="ADAL" clId="{89F1A962-CF43-894A-B0CF-B3713C7CE6CC}" dt="2022-11-15T16:54:14.703" v="1086" actId="164"/>
          <ac:spMkLst>
            <pc:docMk/>
            <pc:sldMk cId="3461843698" sldId="852"/>
            <ac:spMk id="7" creationId="{4DED6B49-3888-EBDF-50D8-534B0978053A}"/>
          </ac:spMkLst>
        </pc:spChg>
        <pc:spChg chg="add del">
          <ac:chgData name="Aluffi, Pietro" userId="810df28b-0e6a-47dc-86dd-8f68aed2c426" providerId="ADAL" clId="{89F1A962-CF43-894A-B0CF-B3713C7CE6CC}" dt="2022-11-15T15:28:18.937" v="416" actId="478"/>
          <ac:spMkLst>
            <pc:docMk/>
            <pc:sldMk cId="3461843698" sldId="852"/>
            <ac:spMk id="18" creationId="{14C0BD17-36E5-F61D-6987-66131AAA4FBB}"/>
          </ac:spMkLst>
        </pc:spChg>
        <pc:spChg chg="add del">
          <ac:chgData name="Aluffi, Pietro" userId="810df28b-0e6a-47dc-86dd-8f68aed2c426" providerId="ADAL" clId="{89F1A962-CF43-894A-B0CF-B3713C7CE6CC}" dt="2022-11-15T15:28:35.929" v="418" actId="22"/>
          <ac:spMkLst>
            <pc:docMk/>
            <pc:sldMk cId="3461843698" sldId="852"/>
            <ac:spMk id="20" creationId="{1E73C46A-8A64-021A-A242-E946899B7B89}"/>
          </ac:spMkLst>
        </pc:spChg>
        <pc:spChg chg="add del mod">
          <ac:chgData name="Aluffi, Pietro" userId="810df28b-0e6a-47dc-86dd-8f68aed2c426" providerId="ADAL" clId="{89F1A962-CF43-894A-B0CF-B3713C7CE6CC}" dt="2022-11-15T15:29:30.590" v="421" actId="478"/>
          <ac:spMkLst>
            <pc:docMk/>
            <pc:sldMk cId="3461843698" sldId="852"/>
            <ac:spMk id="21" creationId="{A65E740A-D410-06E1-9399-13E123B0ACAA}"/>
          </ac:spMkLst>
        </pc:spChg>
        <pc:spChg chg="add mod">
          <ac:chgData name="Aluffi, Pietro" userId="810df28b-0e6a-47dc-86dd-8f68aed2c426" providerId="ADAL" clId="{89F1A962-CF43-894A-B0CF-B3713C7CE6CC}" dt="2022-11-15T16:54:30.605" v="1089" actId="1076"/>
          <ac:spMkLst>
            <pc:docMk/>
            <pc:sldMk cId="3461843698" sldId="852"/>
            <ac:spMk id="22" creationId="{F1586D86-0E33-B584-10DE-1747EF5195E9}"/>
          </ac:spMkLst>
        </pc:spChg>
        <pc:spChg chg="add del">
          <ac:chgData name="Aluffi, Pietro" userId="810df28b-0e6a-47dc-86dd-8f68aed2c426" providerId="ADAL" clId="{89F1A962-CF43-894A-B0CF-B3713C7CE6CC}" dt="2022-11-15T15:42:57.398" v="499"/>
          <ac:spMkLst>
            <pc:docMk/>
            <pc:sldMk cId="3461843698" sldId="852"/>
            <ac:spMk id="23" creationId="{AC6B844C-A8F2-480E-0E33-0D510AAA86E2}"/>
          </ac:spMkLst>
        </pc:spChg>
        <pc:spChg chg="add del">
          <ac:chgData name="Aluffi, Pietro" userId="810df28b-0e6a-47dc-86dd-8f68aed2c426" providerId="ADAL" clId="{89F1A962-CF43-894A-B0CF-B3713C7CE6CC}" dt="2022-11-15T15:42:57.398" v="499"/>
          <ac:spMkLst>
            <pc:docMk/>
            <pc:sldMk cId="3461843698" sldId="852"/>
            <ac:spMk id="24" creationId="{7F2E7695-87D0-BA60-F4AF-04719C5EF320}"/>
          </ac:spMkLst>
        </pc:spChg>
        <pc:spChg chg="add del">
          <ac:chgData name="Aluffi, Pietro" userId="810df28b-0e6a-47dc-86dd-8f68aed2c426" providerId="ADAL" clId="{89F1A962-CF43-894A-B0CF-B3713C7CE6CC}" dt="2022-11-15T15:42:57.398" v="499"/>
          <ac:spMkLst>
            <pc:docMk/>
            <pc:sldMk cId="3461843698" sldId="852"/>
            <ac:spMk id="25" creationId="{C7C7ABAE-10E6-6380-0710-30B8EE09819C}"/>
          </ac:spMkLst>
        </pc:spChg>
        <pc:spChg chg="add del">
          <ac:chgData name="Aluffi, Pietro" userId="810df28b-0e6a-47dc-86dd-8f68aed2c426" providerId="ADAL" clId="{89F1A962-CF43-894A-B0CF-B3713C7CE6CC}" dt="2022-11-15T15:42:57.398" v="499"/>
          <ac:spMkLst>
            <pc:docMk/>
            <pc:sldMk cId="3461843698" sldId="852"/>
            <ac:spMk id="26" creationId="{C2EE0CC9-9776-1BA9-5A7B-5AA724E462E1}"/>
          </ac:spMkLst>
        </pc:spChg>
        <pc:spChg chg="add del">
          <ac:chgData name="Aluffi, Pietro" userId="810df28b-0e6a-47dc-86dd-8f68aed2c426" providerId="ADAL" clId="{89F1A962-CF43-894A-B0CF-B3713C7CE6CC}" dt="2022-11-15T15:42:57.398" v="499"/>
          <ac:spMkLst>
            <pc:docMk/>
            <pc:sldMk cId="3461843698" sldId="852"/>
            <ac:spMk id="28" creationId="{CC9287C0-EB8B-3093-5447-96D02F1E4011}"/>
          </ac:spMkLst>
        </pc:spChg>
        <pc:spChg chg="add del mod">
          <ac:chgData name="Aluffi, Pietro" userId="810df28b-0e6a-47dc-86dd-8f68aed2c426" providerId="ADAL" clId="{89F1A962-CF43-894A-B0CF-B3713C7CE6CC}" dt="2022-11-15T16:37:57.211" v="964" actId="21"/>
          <ac:spMkLst>
            <pc:docMk/>
            <pc:sldMk cId="3461843698" sldId="852"/>
            <ac:spMk id="30" creationId="{77753600-F84C-2E80-6722-494324C84E3E}"/>
          </ac:spMkLst>
        </pc:spChg>
        <pc:spChg chg="add del mod">
          <ac:chgData name="Aluffi, Pietro" userId="810df28b-0e6a-47dc-86dd-8f68aed2c426" providerId="ADAL" clId="{89F1A962-CF43-894A-B0CF-B3713C7CE6CC}" dt="2022-11-15T16:38:02.224" v="966" actId="21"/>
          <ac:spMkLst>
            <pc:docMk/>
            <pc:sldMk cId="3461843698" sldId="852"/>
            <ac:spMk id="33" creationId="{CDD1B073-A826-BB74-327E-989860391F1D}"/>
          </ac:spMkLst>
        </pc:spChg>
        <pc:spChg chg="add del mod">
          <ac:chgData name="Aluffi, Pietro" userId="810df28b-0e6a-47dc-86dd-8f68aed2c426" providerId="ADAL" clId="{89F1A962-CF43-894A-B0CF-B3713C7CE6CC}" dt="2022-11-15T16:38:12.743" v="972"/>
          <ac:spMkLst>
            <pc:docMk/>
            <pc:sldMk cId="3461843698" sldId="852"/>
            <ac:spMk id="34" creationId="{19CA80DC-8EBE-307C-5DBA-7F088F188FA9}"/>
          </ac:spMkLst>
        </pc:spChg>
        <pc:spChg chg="del">
          <ac:chgData name="Aluffi, Pietro" userId="810df28b-0e6a-47dc-86dd-8f68aed2c426" providerId="ADAL" clId="{89F1A962-CF43-894A-B0CF-B3713C7CE6CC}" dt="2022-11-15T15:26:47.576" v="358" actId="478"/>
          <ac:spMkLst>
            <pc:docMk/>
            <pc:sldMk cId="3461843698" sldId="852"/>
            <ac:spMk id="36" creationId="{72E1B995-0139-6382-5027-4804766817D0}"/>
          </ac:spMkLst>
        </pc:spChg>
        <pc:spChg chg="mod">
          <ac:chgData name="Aluffi, Pietro" userId="810df28b-0e6a-47dc-86dd-8f68aed2c426" providerId="ADAL" clId="{89F1A962-CF43-894A-B0CF-B3713C7CE6CC}" dt="2022-11-15T16:52:31.082" v="1063"/>
          <ac:spMkLst>
            <pc:docMk/>
            <pc:sldMk cId="3461843698" sldId="852"/>
            <ac:spMk id="44" creationId="{CF88BE17-FE3C-727A-7AF3-9AB0EB40FF06}"/>
          </ac:spMkLst>
        </pc:spChg>
        <pc:spChg chg="add mod">
          <ac:chgData name="Aluffi, Pietro" userId="810df28b-0e6a-47dc-86dd-8f68aed2c426" providerId="ADAL" clId="{89F1A962-CF43-894A-B0CF-B3713C7CE6CC}" dt="2022-11-15T16:54:14.703" v="1086" actId="164"/>
          <ac:spMkLst>
            <pc:docMk/>
            <pc:sldMk cId="3461843698" sldId="852"/>
            <ac:spMk id="45" creationId="{81BB9392-8144-4B04-7786-5F13FF2F60A3}"/>
          </ac:spMkLst>
        </pc:spChg>
        <pc:grpChg chg="del">
          <ac:chgData name="Aluffi, Pietro" userId="810df28b-0e6a-47dc-86dd-8f68aed2c426" providerId="ADAL" clId="{89F1A962-CF43-894A-B0CF-B3713C7CE6CC}" dt="2022-11-15T15:26:45.495" v="357" actId="478"/>
          <ac:grpSpMkLst>
            <pc:docMk/>
            <pc:sldMk cId="3461843698" sldId="852"/>
            <ac:grpSpMk id="4" creationId="{E0A7FBF1-F364-D7B8-6441-7D61A7029142}"/>
          </ac:grpSpMkLst>
        </pc:grpChg>
        <pc:grpChg chg="add mod">
          <ac:chgData name="Aluffi, Pietro" userId="810df28b-0e6a-47dc-86dd-8f68aed2c426" providerId="ADAL" clId="{89F1A962-CF43-894A-B0CF-B3713C7CE6CC}" dt="2022-11-15T16:55:23.174" v="1095" actId="1076"/>
          <ac:grpSpMkLst>
            <pc:docMk/>
            <pc:sldMk cId="3461843698" sldId="852"/>
            <ac:grpSpMk id="38" creationId="{C238B2CB-4384-8AB5-F5B9-B67119ED280C}"/>
          </ac:grpSpMkLst>
        </pc:grpChg>
        <pc:grpChg chg="add mod">
          <ac:chgData name="Aluffi, Pietro" userId="810df28b-0e6a-47dc-86dd-8f68aed2c426" providerId="ADAL" clId="{89F1A962-CF43-894A-B0CF-B3713C7CE6CC}" dt="2022-11-15T16:55:18.139" v="1094" actId="1076"/>
          <ac:grpSpMkLst>
            <pc:docMk/>
            <pc:sldMk cId="3461843698" sldId="852"/>
            <ac:grpSpMk id="47" creationId="{CA14ACDD-7EF7-923F-91DE-8FF6BC580C2C}"/>
          </ac:grpSpMkLst>
        </pc:grpChg>
        <pc:picChg chg="add del mod modCrop">
          <ac:chgData name="Aluffi, Pietro" userId="810df28b-0e6a-47dc-86dd-8f68aed2c426" providerId="ADAL" clId="{89F1A962-CF43-894A-B0CF-B3713C7CE6CC}" dt="2022-11-15T16:26:15.563" v="896" actId="478"/>
          <ac:picMkLst>
            <pc:docMk/>
            <pc:sldMk cId="3461843698" sldId="852"/>
            <ac:picMk id="32" creationId="{255D911E-42D0-0A7E-ADBE-B1DB78DC3D76}"/>
          </ac:picMkLst>
        </pc:picChg>
        <pc:picChg chg="add mod">
          <ac:chgData name="Aluffi, Pietro" userId="810df28b-0e6a-47dc-86dd-8f68aed2c426" providerId="ADAL" clId="{89F1A962-CF43-894A-B0CF-B3713C7CE6CC}" dt="2022-11-15T16:54:35.139" v="1091" actId="1076"/>
          <ac:picMkLst>
            <pc:docMk/>
            <pc:sldMk cId="3461843698" sldId="852"/>
            <ac:picMk id="37" creationId="{E42416E6-95A5-F456-4915-77DB8C5E0714}"/>
          </ac:picMkLst>
        </pc:picChg>
        <pc:picChg chg="mod">
          <ac:chgData name="Aluffi, Pietro" userId="810df28b-0e6a-47dc-86dd-8f68aed2c426" providerId="ADAL" clId="{89F1A962-CF43-894A-B0CF-B3713C7CE6CC}" dt="2022-11-15T16:52:31.082" v="1063"/>
          <ac:picMkLst>
            <pc:docMk/>
            <pc:sldMk cId="3461843698" sldId="852"/>
            <ac:picMk id="41" creationId="{A53B3C0E-4788-882C-19D5-3A77BBF4B275}"/>
          </ac:picMkLst>
        </pc:picChg>
        <pc:cxnChg chg="mod">
          <ac:chgData name="Aluffi, Pietro" userId="810df28b-0e6a-47dc-86dd-8f68aed2c426" providerId="ADAL" clId="{89F1A962-CF43-894A-B0CF-B3713C7CE6CC}" dt="2022-11-15T15:26:45.495" v="357" actId="478"/>
          <ac:cxnSpMkLst>
            <pc:docMk/>
            <pc:sldMk cId="3461843698" sldId="852"/>
            <ac:cxnSpMk id="39" creationId="{AFC670E8-34E1-A3B5-F229-F573E3D43E97}"/>
          </ac:cxnSpMkLst>
        </pc:cxnChg>
        <pc:cxnChg chg="mod">
          <ac:chgData name="Aluffi, Pietro" userId="810df28b-0e6a-47dc-86dd-8f68aed2c426" providerId="ADAL" clId="{89F1A962-CF43-894A-B0CF-B3713C7CE6CC}" dt="2022-11-15T15:26:45.495" v="357" actId="478"/>
          <ac:cxnSpMkLst>
            <pc:docMk/>
            <pc:sldMk cId="3461843698" sldId="852"/>
            <ac:cxnSpMk id="40" creationId="{16A0541D-8EA3-F26D-173B-C28E199E5AD3}"/>
          </ac:cxnSpMkLst>
        </pc:cxnChg>
        <pc:cxnChg chg="mod">
          <ac:chgData name="Aluffi, Pietro" userId="810df28b-0e6a-47dc-86dd-8f68aed2c426" providerId="ADAL" clId="{89F1A962-CF43-894A-B0CF-B3713C7CE6CC}" dt="2022-11-15T15:26:45.495" v="357" actId="478"/>
          <ac:cxnSpMkLst>
            <pc:docMk/>
            <pc:sldMk cId="3461843698" sldId="852"/>
            <ac:cxnSpMk id="42" creationId="{1AFE09B8-96CA-4168-C13E-857FF32610A8}"/>
          </ac:cxnSpMkLst>
        </pc:cxnChg>
        <pc:cxnChg chg="mod">
          <ac:chgData name="Aluffi, Pietro" userId="810df28b-0e6a-47dc-86dd-8f68aed2c426" providerId="ADAL" clId="{89F1A962-CF43-894A-B0CF-B3713C7CE6CC}" dt="2022-11-15T15:26:45.495" v="357" actId="478"/>
          <ac:cxnSpMkLst>
            <pc:docMk/>
            <pc:sldMk cId="3461843698" sldId="852"/>
            <ac:cxnSpMk id="46" creationId="{F9755F88-DA8A-D519-CCB1-203E6DA0E120}"/>
          </ac:cxnSpMkLst>
        </pc:cxnChg>
        <pc:cxnChg chg="mod">
          <ac:chgData name="Aluffi, Pietro" userId="810df28b-0e6a-47dc-86dd-8f68aed2c426" providerId="ADAL" clId="{89F1A962-CF43-894A-B0CF-B3713C7CE6CC}" dt="2022-11-15T15:26:45.495" v="357" actId="478"/>
          <ac:cxnSpMkLst>
            <pc:docMk/>
            <pc:sldMk cId="3461843698" sldId="852"/>
            <ac:cxnSpMk id="48" creationId="{24661A6A-1A4B-FA48-7D7D-4B18CC0D7B74}"/>
          </ac:cxnSpMkLst>
        </pc:cxnChg>
      </pc:sldChg>
      <pc:sldChg chg="addSp delSp modSp add del mod">
        <pc:chgData name="Aluffi, Pietro" userId="810df28b-0e6a-47dc-86dd-8f68aed2c426" providerId="ADAL" clId="{89F1A962-CF43-894A-B0CF-B3713C7CE6CC}" dt="2022-11-15T16:56:01.678" v="1121" actId="2696"/>
        <pc:sldMkLst>
          <pc:docMk/>
          <pc:sldMk cId="4291436388" sldId="853"/>
        </pc:sldMkLst>
        <pc:spChg chg="mod">
          <ac:chgData name="Aluffi, Pietro" userId="810df28b-0e6a-47dc-86dd-8f68aed2c426" providerId="ADAL" clId="{89F1A962-CF43-894A-B0CF-B3713C7CE6CC}" dt="2022-11-15T16:05:54.072" v="757" actId="20577"/>
          <ac:spMkLst>
            <pc:docMk/>
            <pc:sldMk cId="4291436388" sldId="853"/>
            <ac:spMk id="2" creationId="{AFE34C7F-346D-4632-A718-477C9B221782}"/>
          </ac:spMkLst>
        </pc:spChg>
        <pc:spChg chg="add del mod">
          <ac:chgData name="Aluffi, Pietro" userId="810df28b-0e6a-47dc-86dd-8f68aed2c426" providerId="ADAL" clId="{89F1A962-CF43-894A-B0CF-B3713C7CE6CC}" dt="2022-11-15T16:04:47.420" v="737"/>
          <ac:spMkLst>
            <pc:docMk/>
            <pc:sldMk cId="4291436388" sldId="853"/>
            <ac:spMk id="5" creationId="{C0ED2947-597C-889F-08FC-32DB2F42F1CE}"/>
          </ac:spMkLst>
        </pc:spChg>
        <pc:spChg chg="add mod">
          <ac:chgData name="Aluffi, Pietro" userId="810df28b-0e6a-47dc-86dd-8f68aed2c426" providerId="ADAL" clId="{89F1A962-CF43-894A-B0CF-B3713C7CE6CC}" dt="2022-11-15T16:05:25.548" v="741" actId="2085"/>
          <ac:spMkLst>
            <pc:docMk/>
            <pc:sldMk cId="4291436388" sldId="853"/>
            <ac:spMk id="6" creationId="{6AD5A80C-15BF-2F8C-8A96-2C2F03FD813F}"/>
          </ac:spMkLst>
        </pc:spChg>
        <pc:spChg chg="mod">
          <ac:chgData name="Aluffi, Pietro" userId="810df28b-0e6a-47dc-86dd-8f68aed2c426" providerId="ADAL" clId="{89F1A962-CF43-894A-B0CF-B3713C7CE6CC}" dt="2022-11-15T16:08:33.195" v="791" actId="20577"/>
          <ac:spMkLst>
            <pc:docMk/>
            <pc:sldMk cId="4291436388" sldId="853"/>
            <ac:spMk id="7" creationId="{4DED6B49-3888-EBDF-50D8-534B0978053A}"/>
          </ac:spMkLst>
        </pc:spChg>
        <pc:spChg chg="add del mod">
          <ac:chgData name="Aluffi, Pietro" userId="810df28b-0e6a-47dc-86dd-8f68aed2c426" providerId="ADAL" clId="{89F1A962-CF43-894A-B0CF-B3713C7CE6CC}" dt="2022-11-15T16:06:57.068" v="772" actId="164"/>
          <ac:spMkLst>
            <pc:docMk/>
            <pc:sldMk cId="4291436388" sldId="853"/>
            <ac:spMk id="11" creationId="{53E670E5-B513-0DC2-9CF4-34C823E7A05D}"/>
          </ac:spMkLst>
        </pc:spChg>
        <pc:spChg chg="del mod">
          <ac:chgData name="Aluffi, Pietro" userId="810df28b-0e6a-47dc-86dd-8f68aed2c426" providerId="ADAL" clId="{89F1A962-CF43-894A-B0CF-B3713C7CE6CC}" dt="2022-11-15T16:03:16.330" v="729"/>
          <ac:spMkLst>
            <pc:docMk/>
            <pc:sldMk cId="4291436388" sldId="853"/>
            <ac:spMk id="22" creationId="{F1586D86-0E33-B584-10DE-1747EF5195E9}"/>
          </ac:spMkLst>
        </pc:spChg>
        <pc:spChg chg="del">
          <ac:chgData name="Aluffi, Pietro" userId="810df28b-0e6a-47dc-86dd-8f68aed2c426" providerId="ADAL" clId="{89F1A962-CF43-894A-B0CF-B3713C7CE6CC}" dt="2022-11-15T16:03:08.373" v="724" actId="478"/>
          <ac:spMkLst>
            <pc:docMk/>
            <pc:sldMk cId="4291436388" sldId="853"/>
            <ac:spMk id="30" creationId="{77753600-F84C-2E80-6722-494324C84E3E}"/>
          </ac:spMkLst>
        </pc:spChg>
        <pc:grpChg chg="add del mod">
          <ac:chgData name="Aluffi, Pietro" userId="810df28b-0e6a-47dc-86dd-8f68aed2c426" providerId="ADAL" clId="{89F1A962-CF43-894A-B0CF-B3713C7CE6CC}" dt="2022-11-15T16:06:01.639" v="758" actId="478"/>
          <ac:grpSpMkLst>
            <pc:docMk/>
            <pc:sldMk cId="4291436388" sldId="853"/>
            <ac:grpSpMk id="8" creationId="{671E3CFB-B572-49D8-B745-C9D48068C8DC}"/>
          </ac:grpSpMkLst>
        </pc:grpChg>
        <pc:grpChg chg="add mod">
          <ac:chgData name="Aluffi, Pietro" userId="810df28b-0e6a-47dc-86dd-8f68aed2c426" providerId="ADAL" clId="{89F1A962-CF43-894A-B0CF-B3713C7CE6CC}" dt="2022-11-15T16:08:41.296" v="792" actId="1076"/>
          <ac:grpSpMkLst>
            <pc:docMk/>
            <pc:sldMk cId="4291436388" sldId="853"/>
            <ac:grpSpMk id="12" creationId="{15EEEF51-4754-D465-CF44-121598E76F42}"/>
          </ac:grpSpMkLst>
        </pc:grpChg>
        <pc:picChg chg="add mod modCrop">
          <ac:chgData name="Aluffi, Pietro" userId="810df28b-0e6a-47dc-86dd-8f68aed2c426" providerId="ADAL" clId="{89F1A962-CF43-894A-B0CF-B3713C7CE6CC}" dt="2022-11-15T16:05:22.069" v="740" actId="164"/>
          <ac:picMkLst>
            <pc:docMk/>
            <pc:sldMk cId="4291436388" sldId="853"/>
            <ac:picMk id="4" creationId="{98E42465-102C-74BC-B4ED-863B42DBA19C}"/>
          </ac:picMkLst>
        </pc:picChg>
        <pc:picChg chg="add mod">
          <ac:chgData name="Aluffi, Pietro" userId="810df28b-0e6a-47dc-86dd-8f68aed2c426" providerId="ADAL" clId="{89F1A962-CF43-894A-B0CF-B3713C7CE6CC}" dt="2022-11-15T16:06:57.068" v="772" actId="164"/>
          <ac:picMkLst>
            <pc:docMk/>
            <pc:sldMk cId="4291436388" sldId="853"/>
            <ac:picMk id="10" creationId="{F449584E-16B1-E90C-5FC5-2A7B3B4FB635}"/>
          </ac:picMkLst>
        </pc:picChg>
        <pc:picChg chg="add mod modCrop">
          <ac:chgData name="Aluffi, Pietro" userId="810df28b-0e6a-47dc-86dd-8f68aed2c426" providerId="ADAL" clId="{89F1A962-CF43-894A-B0CF-B3713C7CE6CC}" dt="2022-11-15T16:08:02.246" v="783" actId="732"/>
          <ac:picMkLst>
            <pc:docMk/>
            <pc:sldMk cId="4291436388" sldId="853"/>
            <ac:picMk id="14" creationId="{A2EFF91E-2E4D-1F3D-9DA3-CF3CD8842ED1}"/>
          </ac:picMkLst>
        </pc:picChg>
        <pc:picChg chg="del">
          <ac:chgData name="Aluffi, Pietro" userId="810df28b-0e6a-47dc-86dd-8f68aed2c426" providerId="ADAL" clId="{89F1A962-CF43-894A-B0CF-B3713C7CE6CC}" dt="2022-11-15T16:03:09.963" v="725" actId="478"/>
          <ac:picMkLst>
            <pc:docMk/>
            <pc:sldMk cId="4291436388" sldId="853"/>
            <ac:picMk id="32" creationId="{255D911E-42D0-0A7E-ADBE-B1DB78DC3D76}"/>
          </ac:picMkLst>
        </pc:picChg>
      </pc:sldChg>
      <pc:sldChg chg="addSp delSp modSp add mod">
        <pc:chgData name="Aluffi, Pietro" userId="810df28b-0e6a-47dc-86dd-8f68aed2c426" providerId="ADAL" clId="{89F1A962-CF43-894A-B0CF-B3713C7CE6CC}" dt="2022-11-18T13:09:10.991" v="5568" actId="20577"/>
        <pc:sldMkLst>
          <pc:docMk/>
          <pc:sldMk cId="2018890482" sldId="854"/>
        </pc:sldMkLst>
        <pc:spChg chg="mod">
          <ac:chgData name="Aluffi, Pietro" userId="810df28b-0e6a-47dc-86dd-8f68aed2c426" providerId="ADAL" clId="{89F1A962-CF43-894A-B0CF-B3713C7CE6CC}" dt="2022-11-16T09:34:18.298" v="1590" actId="20577"/>
          <ac:spMkLst>
            <pc:docMk/>
            <pc:sldMk cId="2018890482" sldId="854"/>
            <ac:spMk id="2" creationId="{AFE34C7F-346D-4632-A718-477C9B221782}"/>
          </ac:spMkLst>
        </pc:spChg>
        <pc:spChg chg="add del mod">
          <ac:chgData name="Aluffi, Pietro" userId="810df28b-0e6a-47dc-86dd-8f68aed2c426" providerId="ADAL" clId="{89F1A962-CF43-894A-B0CF-B3713C7CE6CC}" dt="2022-11-15T16:14:17.164" v="819" actId="478"/>
          <ac:spMkLst>
            <pc:docMk/>
            <pc:sldMk cId="2018890482" sldId="854"/>
            <ac:spMk id="5" creationId="{121423EC-1A30-0215-279B-6111808C03C3}"/>
          </ac:spMkLst>
        </pc:spChg>
        <pc:spChg chg="add del mod">
          <ac:chgData name="Aluffi, Pietro" userId="810df28b-0e6a-47dc-86dd-8f68aed2c426" providerId="ADAL" clId="{89F1A962-CF43-894A-B0CF-B3713C7CE6CC}" dt="2022-11-15T16:14:14.668" v="816" actId="478"/>
          <ac:spMkLst>
            <pc:docMk/>
            <pc:sldMk cId="2018890482" sldId="854"/>
            <ac:spMk id="6" creationId="{F0557928-F7D6-C833-3BAE-4F3AB069BE55}"/>
          </ac:spMkLst>
        </pc:spChg>
        <pc:spChg chg="del">
          <ac:chgData name="Aluffi, Pietro" userId="810df28b-0e6a-47dc-86dd-8f68aed2c426" providerId="ADAL" clId="{89F1A962-CF43-894A-B0CF-B3713C7CE6CC}" dt="2022-11-15T16:10:31.889" v="797" actId="478"/>
          <ac:spMkLst>
            <pc:docMk/>
            <pc:sldMk cId="2018890482" sldId="854"/>
            <ac:spMk id="7" creationId="{4DED6B49-3888-EBDF-50D8-534B0978053A}"/>
          </ac:spMkLst>
        </pc:spChg>
        <pc:spChg chg="add del mod">
          <ac:chgData name="Aluffi, Pietro" userId="810df28b-0e6a-47dc-86dd-8f68aed2c426" providerId="ADAL" clId="{89F1A962-CF43-894A-B0CF-B3713C7CE6CC}" dt="2022-11-15T16:14:14.668" v="816" actId="478"/>
          <ac:spMkLst>
            <pc:docMk/>
            <pc:sldMk cId="2018890482" sldId="854"/>
            <ac:spMk id="8" creationId="{CA8615F6-DA24-D632-4130-EAB04DA218F7}"/>
          </ac:spMkLst>
        </pc:spChg>
        <pc:spChg chg="add mod">
          <ac:chgData name="Aluffi, Pietro" userId="810df28b-0e6a-47dc-86dd-8f68aed2c426" providerId="ADAL" clId="{89F1A962-CF43-894A-B0CF-B3713C7CE6CC}" dt="2022-11-15T16:16:43.021" v="853" actId="164"/>
          <ac:spMkLst>
            <pc:docMk/>
            <pc:sldMk cId="2018890482" sldId="854"/>
            <ac:spMk id="20" creationId="{5491E909-A48C-A8F9-81DF-71A0FE68388F}"/>
          </ac:spMkLst>
        </pc:spChg>
        <pc:spChg chg="add mod">
          <ac:chgData name="Aluffi, Pietro" userId="810df28b-0e6a-47dc-86dd-8f68aed2c426" providerId="ADAL" clId="{89F1A962-CF43-894A-B0CF-B3713C7CE6CC}" dt="2022-11-15T16:16:43.021" v="853" actId="164"/>
          <ac:spMkLst>
            <pc:docMk/>
            <pc:sldMk cId="2018890482" sldId="854"/>
            <ac:spMk id="21" creationId="{383AD618-6DDD-0C63-F081-241C66CADDC1}"/>
          </ac:spMkLst>
        </pc:spChg>
        <pc:spChg chg="add mod">
          <ac:chgData name="Aluffi, Pietro" userId="810df28b-0e6a-47dc-86dd-8f68aed2c426" providerId="ADAL" clId="{89F1A962-CF43-894A-B0CF-B3713C7CE6CC}" dt="2022-11-15T16:16:43.021" v="853" actId="164"/>
          <ac:spMkLst>
            <pc:docMk/>
            <pc:sldMk cId="2018890482" sldId="854"/>
            <ac:spMk id="22" creationId="{6284A16F-74A3-598C-039F-341EF0AAEA60}"/>
          </ac:spMkLst>
        </pc:spChg>
        <pc:spChg chg="add mod">
          <ac:chgData name="Aluffi, Pietro" userId="810df28b-0e6a-47dc-86dd-8f68aed2c426" providerId="ADAL" clId="{89F1A962-CF43-894A-B0CF-B3713C7CE6CC}" dt="2022-11-18T13:09:10.991" v="5568" actId="20577"/>
          <ac:spMkLst>
            <pc:docMk/>
            <pc:sldMk cId="2018890482" sldId="854"/>
            <ac:spMk id="25" creationId="{2357CBA6-5CFB-426B-E02A-0DEB3E69AAE3}"/>
          </ac:spMkLst>
        </pc:spChg>
        <pc:grpChg chg="del">
          <ac:chgData name="Aluffi, Pietro" userId="810df28b-0e6a-47dc-86dd-8f68aed2c426" providerId="ADAL" clId="{89F1A962-CF43-894A-B0CF-B3713C7CE6CC}" dt="2022-11-15T16:10:27.768" v="795" actId="478"/>
          <ac:grpSpMkLst>
            <pc:docMk/>
            <pc:sldMk cId="2018890482" sldId="854"/>
            <ac:grpSpMk id="12" creationId="{15EEEF51-4754-D465-CF44-121598E76F42}"/>
          </ac:grpSpMkLst>
        </pc:grpChg>
        <pc:grpChg chg="add mod">
          <ac:chgData name="Aluffi, Pietro" userId="810df28b-0e6a-47dc-86dd-8f68aed2c426" providerId="ADAL" clId="{89F1A962-CF43-894A-B0CF-B3713C7CE6CC}" dt="2022-11-15T16:16:43.021" v="853" actId="164"/>
          <ac:grpSpMkLst>
            <pc:docMk/>
            <pc:sldMk cId="2018890482" sldId="854"/>
            <ac:grpSpMk id="19" creationId="{612BECA1-7D40-1CEC-3649-C0B10311E367}"/>
          </ac:grpSpMkLst>
        </pc:grpChg>
        <pc:grpChg chg="add mod">
          <ac:chgData name="Aluffi, Pietro" userId="810df28b-0e6a-47dc-86dd-8f68aed2c426" providerId="ADAL" clId="{89F1A962-CF43-894A-B0CF-B3713C7CE6CC}" dt="2022-11-15T16:47:21.692" v="979" actId="1076"/>
          <ac:grpSpMkLst>
            <pc:docMk/>
            <pc:sldMk cId="2018890482" sldId="854"/>
            <ac:grpSpMk id="23" creationId="{A341809A-A52B-DC50-1C83-77F7DD6A9A0D}"/>
          </ac:grpSpMkLst>
        </pc:grpChg>
        <pc:picChg chg="add del mod">
          <ac:chgData name="Aluffi, Pietro" userId="810df28b-0e6a-47dc-86dd-8f68aed2c426" providerId="ADAL" clId="{89F1A962-CF43-894A-B0CF-B3713C7CE6CC}" dt="2022-11-15T16:14:12.929" v="815" actId="478"/>
          <ac:picMkLst>
            <pc:docMk/>
            <pc:sldMk cId="2018890482" sldId="854"/>
            <ac:picMk id="4" creationId="{2DC0B5AD-17DC-E0F7-B7F7-F67E83E918DF}"/>
          </ac:picMkLst>
        </pc:picChg>
        <pc:picChg chg="add mod modCrop">
          <ac:chgData name="Aluffi, Pietro" userId="810df28b-0e6a-47dc-86dd-8f68aed2c426" providerId="ADAL" clId="{89F1A962-CF43-894A-B0CF-B3713C7CE6CC}" dt="2022-11-15T16:16:05.159" v="842" actId="164"/>
          <ac:picMkLst>
            <pc:docMk/>
            <pc:sldMk cId="2018890482" sldId="854"/>
            <ac:picMk id="13" creationId="{E02F038F-EEDD-BA51-347C-567B54FABF7A}"/>
          </ac:picMkLst>
        </pc:picChg>
        <pc:picChg chg="del">
          <ac:chgData name="Aluffi, Pietro" userId="810df28b-0e6a-47dc-86dd-8f68aed2c426" providerId="ADAL" clId="{89F1A962-CF43-894A-B0CF-B3713C7CE6CC}" dt="2022-11-15T16:10:28.464" v="796" actId="478"/>
          <ac:picMkLst>
            <pc:docMk/>
            <pc:sldMk cId="2018890482" sldId="854"/>
            <ac:picMk id="14" creationId="{A2EFF91E-2E4D-1F3D-9DA3-CF3CD8842ED1}"/>
          </ac:picMkLst>
        </pc:picChg>
        <pc:picChg chg="add mod modCrop">
          <ac:chgData name="Aluffi, Pietro" userId="810df28b-0e6a-47dc-86dd-8f68aed2c426" providerId="ADAL" clId="{89F1A962-CF43-894A-B0CF-B3713C7CE6CC}" dt="2022-11-15T16:16:05.159" v="842" actId="164"/>
          <ac:picMkLst>
            <pc:docMk/>
            <pc:sldMk cId="2018890482" sldId="854"/>
            <ac:picMk id="16" creationId="{76FE627F-5ACF-7553-A4A5-12D14E3BF26B}"/>
          </ac:picMkLst>
        </pc:picChg>
        <pc:picChg chg="add mod modCrop">
          <ac:chgData name="Aluffi, Pietro" userId="810df28b-0e6a-47dc-86dd-8f68aed2c426" providerId="ADAL" clId="{89F1A962-CF43-894A-B0CF-B3713C7CE6CC}" dt="2022-11-15T16:16:05.159" v="842" actId="164"/>
          <ac:picMkLst>
            <pc:docMk/>
            <pc:sldMk cId="2018890482" sldId="854"/>
            <ac:picMk id="18" creationId="{61B8B5A7-B65F-40C9-E974-C24570EA3DE7}"/>
          </ac:picMkLst>
        </pc:picChg>
        <pc:picChg chg="add del mod">
          <ac:chgData name="Aluffi, Pietro" userId="810df28b-0e6a-47dc-86dd-8f68aed2c426" providerId="ADAL" clId="{89F1A962-CF43-894A-B0CF-B3713C7CE6CC}" dt="2022-11-16T09:01:08.354" v="1548" actId="478"/>
          <ac:picMkLst>
            <pc:docMk/>
            <pc:sldMk cId="2018890482" sldId="854"/>
            <ac:picMk id="3073" creationId="{5356695D-873A-7B59-3FEF-56A06A6BE8B4}"/>
          </ac:picMkLst>
        </pc:picChg>
        <pc:picChg chg="add mod">
          <ac:chgData name="Aluffi, Pietro" userId="810df28b-0e6a-47dc-86dd-8f68aed2c426" providerId="ADAL" clId="{89F1A962-CF43-894A-B0CF-B3713C7CE6CC}" dt="2022-11-16T09:01:54.145" v="1559" actId="1076"/>
          <ac:picMkLst>
            <pc:docMk/>
            <pc:sldMk cId="2018890482" sldId="854"/>
            <ac:picMk id="3074" creationId="{3519A4EE-B667-EF0C-6ACF-CCE0B230A9B5}"/>
          </ac:picMkLst>
        </pc:picChg>
      </pc:sldChg>
      <pc:sldChg chg="addSp delSp modSp add del mod ord setBg">
        <pc:chgData name="Aluffi, Pietro" userId="810df28b-0e6a-47dc-86dd-8f68aed2c426" providerId="ADAL" clId="{89F1A962-CF43-894A-B0CF-B3713C7CE6CC}" dt="2022-11-15T19:18:07.950" v="1129" actId="2696"/>
        <pc:sldMkLst>
          <pc:docMk/>
          <pc:sldMk cId="1111916782" sldId="855"/>
        </pc:sldMkLst>
        <pc:spChg chg="add del mod">
          <ac:chgData name="Aluffi, Pietro" userId="810df28b-0e6a-47dc-86dd-8f68aed2c426" providerId="ADAL" clId="{89F1A962-CF43-894A-B0CF-B3713C7CE6CC}" dt="2022-11-15T19:17:57.767" v="1127"/>
          <ac:spMkLst>
            <pc:docMk/>
            <pc:sldMk cId="1111916782" sldId="855"/>
            <ac:spMk id="3" creationId="{7D9CC066-CA02-4FB8-D554-16678124A146}"/>
          </ac:spMkLst>
        </pc:spChg>
      </pc:sldChg>
      <pc:sldChg chg="addSp delSp modSp add mod ord setBg modNotesTx">
        <pc:chgData name="Aluffi, Pietro" userId="810df28b-0e6a-47dc-86dd-8f68aed2c426" providerId="ADAL" clId="{89F1A962-CF43-894A-B0CF-B3713C7CE6CC}" dt="2022-11-18T13:13:18.806" v="5588" actId="20578"/>
        <pc:sldMkLst>
          <pc:docMk/>
          <pc:sldMk cId="4284109170" sldId="856"/>
        </pc:sldMkLst>
        <pc:spChg chg="mod">
          <ac:chgData name="Aluffi, Pietro" userId="810df28b-0e6a-47dc-86dd-8f68aed2c426" providerId="ADAL" clId="{89F1A962-CF43-894A-B0CF-B3713C7CE6CC}" dt="2022-11-16T14:42:20.710" v="4567" actId="20577"/>
          <ac:spMkLst>
            <pc:docMk/>
            <pc:sldMk cId="4284109170" sldId="856"/>
            <ac:spMk id="2" creationId="{AE1BE45B-27F9-0D2E-2A9E-05DA21A9DE93}"/>
          </ac:spMkLst>
        </pc:spChg>
        <pc:spChg chg="add del mod">
          <ac:chgData name="Aluffi, Pietro" userId="810df28b-0e6a-47dc-86dd-8f68aed2c426" providerId="ADAL" clId="{89F1A962-CF43-894A-B0CF-B3713C7CE6CC}" dt="2022-11-16T11:22:15.790" v="1605"/>
          <ac:spMkLst>
            <pc:docMk/>
            <pc:sldMk cId="4284109170" sldId="856"/>
            <ac:spMk id="3" creationId="{6515068F-B3BD-F3F1-393F-BCD15450342E}"/>
          </ac:spMkLst>
        </pc:spChg>
        <pc:spChg chg="add mod">
          <ac:chgData name="Aluffi, Pietro" userId="810df28b-0e6a-47dc-86dd-8f68aed2c426" providerId="ADAL" clId="{89F1A962-CF43-894A-B0CF-B3713C7CE6CC}" dt="2022-11-16T11:30:09.024" v="1801" actId="207"/>
          <ac:spMkLst>
            <pc:docMk/>
            <pc:sldMk cId="4284109170" sldId="856"/>
            <ac:spMk id="4" creationId="{9E6A3499-4436-D336-65CF-6F3FBF10C57E}"/>
          </ac:spMkLst>
        </pc:spChg>
        <pc:spChg chg="add mod">
          <ac:chgData name="Aluffi, Pietro" userId="810df28b-0e6a-47dc-86dd-8f68aed2c426" providerId="ADAL" clId="{89F1A962-CF43-894A-B0CF-B3713C7CE6CC}" dt="2022-11-16T11:30:17.059" v="1802" actId="207"/>
          <ac:spMkLst>
            <pc:docMk/>
            <pc:sldMk cId="4284109170" sldId="856"/>
            <ac:spMk id="5" creationId="{F69C9A6E-1A0B-C3BB-BB43-E48308D842FC}"/>
          </ac:spMkLst>
        </pc:spChg>
        <pc:spChg chg="add del mod">
          <ac:chgData name="Aluffi, Pietro" userId="810df28b-0e6a-47dc-86dd-8f68aed2c426" providerId="ADAL" clId="{89F1A962-CF43-894A-B0CF-B3713C7CE6CC}" dt="2022-11-16T11:27:15.146" v="1760" actId="478"/>
          <ac:spMkLst>
            <pc:docMk/>
            <pc:sldMk cId="4284109170" sldId="856"/>
            <ac:spMk id="6" creationId="{E8BB7609-2025-5A1D-F9FD-0EF45FB4E61E}"/>
          </ac:spMkLst>
        </pc:spChg>
        <pc:spChg chg="add mod">
          <ac:chgData name="Aluffi, Pietro" userId="810df28b-0e6a-47dc-86dd-8f68aed2c426" providerId="ADAL" clId="{89F1A962-CF43-894A-B0CF-B3713C7CE6CC}" dt="2022-11-16T12:58:49.535" v="4236" actId="1076"/>
          <ac:spMkLst>
            <pc:docMk/>
            <pc:sldMk cId="4284109170" sldId="856"/>
            <ac:spMk id="7" creationId="{9D2E244E-3D19-E8EA-E369-8694AEB74F86}"/>
          </ac:spMkLst>
        </pc:spChg>
        <pc:spChg chg="del">
          <ac:chgData name="Aluffi, Pietro" userId="810df28b-0e6a-47dc-86dd-8f68aed2c426" providerId="ADAL" clId="{89F1A962-CF43-894A-B0CF-B3713C7CE6CC}" dt="2022-11-15T19:19:42.966" v="1189" actId="478"/>
          <ac:spMkLst>
            <pc:docMk/>
            <pc:sldMk cId="4284109170" sldId="856"/>
            <ac:spMk id="8" creationId="{60BB7770-B17E-B131-B804-A3BCCCE5FD86}"/>
          </ac:spMkLst>
        </pc:spChg>
        <pc:spChg chg="add mod">
          <ac:chgData name="Aluffi, Pietro" userId="810df28b-0e6a-47dc-86dd-8f68aed2c426" providerId="ADAL" clId="{89F1A962-CF43-894A-B0CF-B3713C7CE6CC}" dt="2022-11-16T12:58:45.870" v="4235" actId="1076"/>
          <ac:spMkLst>
            <pc:docMk/>
            <pc:sldMk cId="4284109170" sldId="856"/>
            <ac:spMk id="9" creationId="{E6DC2522-C572-8548-CA2E-603E3ECAF84E}"/>
          </ac:spMkLst>
        </pc:spChg>
        <pc:spChg chg="add mod">
          <ac:chgData name="Aluffi, Pietro" userId="810df28b-0e6a-47dc-86dd-8f68aed2c426" providerId="ADAL" clId="{89F1A962-CF43-894A-B0CF-B3713C7CE6CC}" dt="2022-11-18T09:13:49.341" v="4767" actId="20577"/>
          <ac:spMkLst>
            <pc:docMk/>
            <pc:sldMk cId="4284109170" sldId="856"/>
            <ac:spMk id="14" creationId="{CE22DE50-6C18-4172-B576-E08763C3ADE7}"/>
          </ac:spMkLst>
        </pc:spChg>
        <pc:grpChg chg="add mod">
          <ac:chgData name="Aluffi, Pietro" userId="810df28b-0e6a-47dc-86dd-8f68aed2c426" providerId="ADAL" clId="{89F1A962-CF43-894A-B0CF-B3713C7CE6CC}" dt="2022-11-16T11:29:16.952" v="1788" actId="164"/>
          <ac:grpSpMkLst>
            <pc:docMk/>
            <pc:sldMk cId="4284109170" sldId="856"/>
            <ac:grpSpMk id="10" creationId="{D224CD91-AED4-B71A-3568-A366D31EE6E3}"/>
          </ac:grpSpMkLst>
        </pc:grpChg>
        <pc:grpChg chg="add mod">
          <ac:chgData name="Aluffi, Pietro" userId="810df28b-0e6a-47dc-86dd-8f68aed2c426" providerId="ADAL" clId="{89F1A962-CF43-894A-B0CF-B3713C7CE6CC}" dt="2022-11-16T11:29:16.952" v="1788" actId="164"/>
          <ac:grpSpMkLst>
            <pc:docMk/>
            <pc:sldMk cId="4284109170" sldId="856"/>
            <ac:grpSpMk id="11" creationId="{922B4141-6F62-0C0E-3FFC-D9D625CA6B2B}"/>
          </ac:grpSpMkLst>
        </pc:grpChg>
        <pc:grpChg chg="add mod">
          <ac:chgData name="Aluffi, Pietro" userId="810df28b-0e6a-47dc-86dd-8f68aed2c426" providerId="ADAL" clId="{89F1A962-CF43-894A-B0CF-B3713C7CE6CC}" dt="2022-11-16T11:29:25.022" v="1789" actId="1076"/>
          <ac:grpSpMkLst>
            <pc:docMk/>
            <pc:sldMk cId="4284109170" sldId="856"/>
            <ac:grpSpMk id="12" creationId="{B012BC45-EB2D-5DE8-53D5-23B63A68F200}"/>
          </ac:grpSpMkLst>
        </pc:grpChg>
      </pc:sldChg>
      <pc:sldChg chg="modSp add mod ord">
        <pc:chgData name="Aluffi, Pietro" userId="810df28b-0e6a-47dc-86dd-8f68aed2c426" providerId="ADAL" clId="{89F1A962-CF43-894A-B0CF-B3713C7CE6CC}" dt="2022-11-15T19:32:20.517" v="1378" actId="20577"/>
        <pc:sldMkLst>
          <pc:docMk/>
          <pc:sldMk cId="1812957766" sldId="857"/>
        </pc:sldMkLst>
        <pc:spChg chg="mod">
          <ac:chgData name="Aluffi, Pietro" userId="810df28b-0e6a-47dc-86dd-8f68aed2c426" providerId="ADAL" clId="{89F1A962-CF43-894A-B0CF-B3713C7CE6CC}" dt="2022-11-15T19:32:20.517" v="1378" actId="20577"/>
          <ac:spMkLst>
            <pc:docMk/>
            <pc:sldMk cId="1812957766" sldId="857"/>
            <ac:spMk id="2" creationId="{AE1BE45B-27F9-0D2E-2A9E-05DA21A9DE93}"/>
          </ac:spMkLst>
        </pc:spChg>
        <pc:spChg chg="mod">
          <ac:chgData name="Aluffi, Pietro" userId="810df28b-0e6a-47dc-86dd-8f68aed2c426" providerId="ADAL" clId="{89F1A962-CF43-894A-B0CF-B3713C7CE6CC}" dt="2022-11-15T19:19:11.365" v="1151" actId="20577"/>
          <ac:spMkLst>
            <pc:docMk/>
            <pc:sldMk cId="1812957766" sldId="857"/>
            <ac:spMk id="8" creationId="{60BB7770-B17E-B131-B804-A3BCCCE5FD86}"/>
          </ac:spMkLst>
        </pc:spChg>
      </pc:sldChg>
      <pc:sldChg chg="add del setBg">
        <pc:chgData name="Aluffi, Pietro" userId="810df28b-0e6a-47dc-86dd-8f68aed2c426" providerId="ADAL" clId="{89F1A962-CF43-894A-B0CF-B3713C7CE6CC}" dt="2022-11-15T19:18:50.249" v="1146" actId="2696"/>
        <pc:sldMkLst>
          <pc:docMk/>
          <pc:sldMk cId="2978628350" sldId="857"/>
        </pc:sldMkLst>
      </pc:sldChg>
      <pc:sldChg chg="addSp delSp modSp new mod">
        <pc:chgData name="Aluffi, Pietro" userId="810df28b-0e6a-47dc-86dd-8f68aed2c426" providerId="ADAL" clId="{89F1A962-CF43-894A-B0CF-B3713C7CE6CC}" dt="2022-11-16T14:48:10.125" v="4579" actId="14100"/>
        <pc:sldMkLst>
          <pc:docMk/>
          <pc:sldMk cId="3688927454" sldId="858"/>
        </pc:sldMkLst>
        <pc:spChg chg="del">
          <ac:chgData name="Aluffi, Pietro" userId="810df28b-0e6a-47dc-86dd-8f68aed2c426" providerId="ADAL" clId="{89F1A962-CF43-894A-B0CF-B3713C7CE6CC}" dt="2022-11-16T08:50:58.793" v="1535" actId="478"/>
          <ac:spMkLst>
            <pc:docMk/>
            <pc:sldMk cId="3688927454" sldId="858"/>
            <ac:spMk id="2" creationId="{26D8D5C1-8DD2-9100-F10B-BB3D05D3BEDA}"/>
          </ac:spMkLst>
        </pc:spChg>
        <pc:spChg chg="del">
          <ac:chgData name="Aluffi, Pietro" userId="810df28b-0e6a-47dc-86dd-8f68aed2c426" providerId="ADAL" clId="{89F1A962-CF43-894A-B0CF-B3713C7CE6CC}" dt="2022-11-16T08:50:58.793" v="1535" actId="478"/>
          <ac:spMkLst>
            <pc:docMk/>
            <pc:sldMk cId="3688927454" sldId="858"/>
            <ac:spMk id="3" creationId="{31C113B2-F140-DB58-13E8-A43BA316B062}"/>
          </ac:spMkLst>
        </pc:spChg>
        <pc:spChg chg="del">
          <ac:chgData name="Aluffi, Pietro" userId="810df28b-0e6a-47dc-86dd-8f68aed2c426" providerId="ADAL" clId="{89F1A962-CF43-894A-B0CF-B3713C7CE6CC}" dt="2022-11-16T08:50:58.793" v="1535" actId="478"/>
          <ac:spMkLst>
            <pc:docMk/>
            <pc:sldMk cId="3688927454" sldId="858"/>
            <ac:spMk id="4" creationId="{B66DCD70-4A64-7A08-3BAE-A71757171518}"/>
          </ac:spMkLst>
        </pc:spChg>
        <pc:spChg chg="add del mod">
          <ac:chgData name="Aluffi, Pietro" userId="810df28b-0e6a-47dc-86dd-8f68aed2c426" providerId="ADAL" clId="{89F1A962-CF43-894A-B0CF-B3713C7CE6CC}" dt="2022-11-16T08:51:18.473" v="1538"/>
          <ac:spMkLst>
            <pc:docMk/>
            <pc:sldMk cId="3688927454" sldId="858"/>
            <ac:spMk id="5" creationId="{01D40B3E-5DC8-3DF8-40DB-FF081314ED29}"/>
          </ac:spMkLst>
        </pc:spChg>
        <pc:spChg chg="add del">
          <ac:chgData name="Aluffi, Pietro" userId="810df28b-0e6a-47dc-86dd-8f68aed2c426" providerId="ADAL" clId="{89F1A962-CF43-894A-B0CF-B3713C7CE6CC}" dt="2022-11-16T11:58:24.760" v="1857" actId="22"/>
          <ac:spMkLst>
            <pc:docMk/>
            <pc:sldMk cId="3688927454" sldId="858"/>
            <ac:spMk id="10" creationId="{55137D26-DCCD-6ED5-CA39-2FBC6DFF1EFC}"/>
          </ac:spMkLst>
        </pc:spChg>
        <pc:spChg chg="add mod">
          <ac:chgData name="Aluffi, Pietro" userId="810df28b-0e6a-47dc-86dd-8f68aed2c426" providerId="ADAL" clId="{89F1A962-CF43-894A-B0CF-B3713C7CE6CC}" dt="2022-11-16T11:58:33.660" v="1870" actId="20577"/>
          <ac:spMkLst>
            <pc:docMk/>
            <pc:sldMk cId="3688927454" sldId="858"/>
            <ac:spMk id="11" creationId="{69348F96-D55E-CA62-BD6E-F66DBE4E998B}"/>
          </ac:spMkLst>
        </pc:spChg>
        <pc:picChg chg="add mod modCrop">
          <ac:chgData name="Aluffi, Pietro" userId="810df28b-0e6a-47dc-86dd-8f68aed2c426" providerId="ADAL" clId="{89F1A962-CF43-894A-B0CF-B3713C7CE6CC}" dt="2022-11-16T14:48:10.125" v="4579" actId="14100"/>
          <ac:picMkLst>
            <pc:docMk/>
            <pc:sldMk cId="3688927454" sldId="858"/>
            <ac:picMk id="8" creationId="{6743BB7C-6AD5-0483-3764-8FDF53AFAFF6}"/>
          </ac:picMkLst>
        </pc:picChg>
      </pc:sldChg>
      <pc:sldChg chg="addSp delSp modSp add del mod ord modTransition">
        <pc:chgData name="Aluffi, Pietro" userId="810df28b-0e6a-47dc-86dd-8f68aed2c426" providerId="ADAL" clId="{89F1A962-CF43-894A-B0CF-B3713C7CE6CC}" dt="2022-11-18T13:08:44.273" v="5565" actId="2696"/>
        <pc:sldMkLst>
          <pc:docMk/>
          <pc:sldMk cId="3900327690" sldId="859"/>
        </pc:sldMkLst>
        <pc:spChg chg="add del mod">
          <ac:chgData name="Aluffi, Pietro" userId="810df28b-0e6a-47dc-86dd-8f68aed2c426" providerId="ADAL" clId="{89F1A962-CF43-894A-B0CF-B3713C7CE6CC}" dt="2022-11-16T11:57:53.247" v="1816" actId="767"/>
          <ac:spMkLst>
            <pc:docMk/>
            <pc:sldMk cId="3900327690" sldId="859"/>
            <ac:spMk id="6" creationId="{73FA68CB-30E3-1B7C-9165-A74876CFA53C}"/>
          </ac:spMkLst>
        </pc:spChg>
        <pc:spChg chg="add mod">
          <ac:chgData name="Aluffi, Pietro" userId="810df28b-0e6a-47dc-86dd-8f68aed2c426" providerId="ADAL" clId="{89F1A962-CF43-894A-B0CF-B3713C7CE6CC}" dt="2022-11-16T11:58:17.240" v="1855" actId="20577"/>
          <ac:spMkLst>
            <pc:docMk/>
            <pc:sldMk cId="3900327690" sldId="859"/>
            <ac:spMk id="7" creationId="{684F571D-5182-F0B6-2E92-51E782166602}"/>
          </ac:spMkLst>
        </pc:spChg>
        <pc:graphicFrameChg chg="add del modGraphic">
          <ac:chgData name="Aluffi, Pietro" userId="810df28b-0e6a-47dc-86dd-8f68aed2c426" providerId="ADAL" clId="{89F1A962-CF43-894A-B0CF-B3713C7CE6CC}" dt="2022-11-18T13:05:09.838" v="5551" actId="478"/>
          <ac:graphicFrameMkLst>
            <pc:docMk/>
            <pc:sldMk cId="3900327690" sldId="859"/>
            <ac:graphicFrameMk id="4" creationId="{48CDA522-583F-EBC8-325C-7903E0F5CED4}"/>
          </ac:graphicFrameMkLst>
        </pc:graphicFrameChg>
        <pc:graphicFrameChg chg="add del mod modGraphic">
          <ac:chgData name="Aluffi, Pietro" userId="810df28b-0e6a-47dc-86dd-8f68aed2c426" providerId="ADAL" clId="{89F1A962-CF43-894A-B0CF-B3713C7CE6CC}" dt="2022-11-18T13:05:45.035" v="5555" actId="478"/>
          <ac:graphicFrameMkLst>
            <pc:docMk/>
            <pc:sldMk cId="3900327690" sldId="859"/>
            <ac:graphicFrameMk id="8" creationId="{B00337BA-B510-0B59-315A-D2626D88821A}"/>
          </ac:graphicFrameMkLst>
        </pc:graphicFrameChg>
        <pc:picChg chg="add del mod modCrop">
          <ac:chgData name="Aluffi, Pietro" userId="810df28b-0e6a-47dc-86dd-8f68aed2c426" providerId="ADAL" clId="{89F1A962-CF43-894A-B0CF-B3713C7CE6CC}" dt="2022-11-18T13:07:45.964" v="5557" actId="478"/>
          <ac:picMkLst>
            <pc:docMk/>
            <pc:sldMk cId="3900327690" sldId="859"/>
            <ac:picMk id="3" creationId="{7F2CBB86-E53C-97BF-FE91-35A36C14D650}"/>
          </ac:picMkLst>
        </pc:picChg>
        <pc:picChg chg="add del mod">
          <ac:chgData name="Aluffi, Pietro" userId="810df28b-0e6a-47dc-86dd-8f68aed2c426" providerId="ADAL" clId="{89F1A962-CF43-894A-B0CF-B3713C7CE6CC}" dt="2022-11-18T13:07:51.253" v="5559" actId="1076"/>
          <ac:picMkLst>
            <pc:docMk/>
            <pc:sldMk cId="3900327690" sldId="859"/>
            <ac:picMk id="5" creationId="{357457C1-4178-C7D1-A5A8-63EE7FE10B54}"/>
          </ac:picMkLst>
        </pc:picChg>
        <pc:picChg chg="del">
          <ac:chgData name="Aluffi, Pietro" userId="810df28b-0e6a-47dc-86dd-8f68aed2c426" providerId="ADAL" clId="{89F1A962-CF43-894A-B0CF-B3713C7CE6CC}" dt="2022-11-16T08:57:57.231" v="1547" actId="478"/>
          <ac:picMkLst>
            <pc:docMk/>
            <pc:sldMk cId="3900327690" sldId="859"/>
            <ac:picMk id="8" creationId="{6743BB7C-6AD5-0483-3764-8FDF53AFAFF6}"/>
          </ac:picMkLst>
        </pc:picChg>
      </pc:sldChg>
      <pc:sldChg chg="addSp delSp modSp add mod modNotesTx">
        <pc:chgData name="Aluffi, Pietro" userId="810df28b-0e6a-47dc-86dd-8f68aed2c426" providerId="ADAL" clId="{89F1A962-CF43-894A-B0CF-B3713C7CE6CC}" dt="2022-11-18T09:44:11.172" v="5463"/>
        <pc:sldMkLst>
          <pc:docMk/>
          <pc:sldMk cId="1056165844" sldId="860"/>
        </pc:sldMkLst>
        <pc:spChg chg="mod">
          <ac:chgData name="Aluffi, Pietro" userId="810df28b-0e6a-47dc-86dd-8f68aed2c426" providerId="ADAL" clId="{89F1A962-CF43-894A-B0CF-B3713C7CE6CC}" dt="2022-11-16T12:06:26.915" v="2088" actId="20577"/>
          <ac:spMkLst>
            <pc:docMk/>
            <pc:sldMk cId="1056165844" sldId="860"/>
            <ac:spMk id="2" creationId="{AFE34C7F-346D-4632-A718-477C9B221782}"/>
          </ac:spMkLst>
        </pc:spChg>
        <pc:spChg chg="add del mod">
          <ac:chgData name="Aluffi, Pietro" userId="810df28b-0e6a-47dc-86dd-8f68aed2c426" providerId="ADAL" clId="{89F1A962-CF43-894A-B0CF-B3713C7CE6CC}" dt="2022-11-16T11:42:19.658" v="1813" actId="478"/>
          <ac:spMkLst>
            <pc:docMk/>
            <pc:sldMk cId="1056165844" sldId="860"/>
            <ac:spMk id="3" creationId="{2D89046D-FDE0-B688-982F-C51ACF5301EF}"/>
          </ac:spMkLst>
        </pc:spChg>
        <pc:spChg chg="add del mod">
          <ac:chgData name="Aluffi, Pietro" userId="810df28b-0e6a-47dc-86dd-8f68aed2c426" providerId="ADAL" clId="{89F1A962-CF43-894A-B0CF-B3713C7CE6CC}" dt="2022-11-16T12:03:51.276" v="1949"/>
          <ac:spMkLst>
            <pc:docMk/>
            <pc:sldMk cId="1056165844" sldId="860"/>
            <ac:spMk id="4" creationId="{AD76BD46-06A2-DF3E-D638-0E83C5173417}"/>
          </ac:spMkLst>
        </pc:spChg>
        <pc:spChg chg="add del mod">
          <ac:chgData name="Aluffi, Pietro" userId="810df28b-0e6a-47dc-86dd-8f68aed2c426" providerId="ADAL" clId="{89F1A962-CF43-894A-B0CF-B3713C7CE6CC}" dt="2022-11-16T12:03:57.066" v="1952"/>
          <ac:spMkLst>
            <pc:docMk/>
            <pc:sldMk cId="1056165844" sldId="860"/>
            <ac:spMk id="5" creationId="{17437658-6C37-5B2D-5720-2701DFC6220A}"/>
          </ac:spMkLst>
        </pc:spChg>
        <pc:spChg chg="add mod">
          <ac:chgData name="Aluffi, Pietro" userId="810df28b-0e6a-47dc-86dd-8f68aed2c426" providerId="ADAL" clId="{89F1A962-CF43-894A-B0CF-B3713C7CE6CC}" dt="2022-11-16T12:07:14.266" v="2147" actId="404"/>
          <ac:spMkLst>
            <pc:docMk/>
            <pc:sldMk cId="1056165844" sldId="860"/>
            <ac:spMk id="6" creationId="{50F4E6FA-E925-EBA3-8160-DDA4374A51E3}"/>
          </ac:spMkLst>
        </pc:spChg>
        <pc:spChg chg="add del mod">
          <ac:chgData name="Aluffi, Pietro" userId="810df28b-0e6a-47dc-86dd-8f68aed2c426" providerId="ADAL" clId="{89F1A962-CF43-894A-B0CF-B3713C7CE6CC}" dt="2022-11-16T12:08:27.977" v="2150"/>
          <ac:spMkLst>
            <pc:docMk/>
            <pc:sldMk cId="1056165844" sldId="860"/>
            <ac:spMk id="7" creationId="{FAE15605-8250-DA5A-E0ED-12CD38865AF1}"/>
          </ac:spMkLst>
        </pc:spChg>
        <pc:spChg chg="add mod">
          <ac:chgData name="Aluffi, Pietro" userId="810df28b-0e6a-47dc-86dd-8f68aed2c426" providerId="ADAL" clId="{89F1A962-CF43-894A-B0CF-B3713C7CE6CC}" dt="2022-11-16T12:33:28.793" v="2790" actId="2710"/>
          <ac:spMkLst>
            <pc:docMk/>
            <pc:sldMk cId="1056165844" sldId="860"/>
            <ac:spMk id="8" creationId="{34E32690-3183-40C8-CBE8-650F66A67115}"/>
          </ac:spMkLst>
        </pc:spChg>
        <pc:spChg chg="add mod">
          <ac:chgData name="Aluffi, Pietro" userId="810df28b-0e6a-47dc-86dd-8f68aed2c426" providerId="ADAL" clId="{89F1A962-CF43-894A-B0CF-B3713C7CE6CC}" dt="2022-11-16T12:31:52.274" v="2779" actId="21"/>
          <ac:spMkLst>
            <pc:docMk/>
            <pc:sldMk cId="1056165844" sldId="860"/>
            <ac:spMk id="9" creationId="{7FE1E3DC-3DFF-D9C2-7DCB-FF1F55CBDA1E}"/>
          </ac:spMkLst>
        </pc:spChg>
        <pc:spChg chg="add mod">
          <ac:chgData name="Aluffi, Pietro" userId="810df28b-0e6a-47dc-86dd-8f68aed2c426" providerId="ADAL" clId="{89F1A962-CF43-894A-B0CF-B3713C7CE6CC}" dt="2022-11-16T12:33:53.445" v="2795" actId="21"/>
          <ac:spMkLst>
            <pc:docMk/>
            <pc:sldMk cId="1056165844" sldId="860"/>
            <ac:spMk id="10" creationId="{6603F6DE-572C-B8B0-2D0C-8A239A07F3AB}"/>
          </ac:spMkLst>
        </pc:spChg>
        <pc:spChg chg="add mod">
          <ac:chgData name="Aluffi, Pietro" userId="810df28b-0e6a-47dc-86dd-8f68aed2c426" providerId="ADAL" clId="{89F1A962-CF43-894A-B0CF-B3713C7CE6CC}" dt="2022-11-16T12:34:20.209" v="2797" actId="2710"/>
          <ac:spMkLst>
            <pc:docMk/>
            <pc:sldMk cId="1056165844" sldId="860"/>
            <ac:spMk id="11" creationId="{5CCC2BD3-A2B6-F8A6-3042-98D7ECD57765}"/>
          </ac:spMkLst>
        </pc:spChg>
        <pc:spChg chg="del">
          <ac:chgData name="Aluffi, Pietro" userId="810df28b-0e6a-47dc-86dd-8f68aed2c426" providerId="ADAL" clId="{89F1A962-CF43-894A-B0CF-B3713C7CE6CC}" dt="2022-11-16T11:42:19.658" v="1813" actId="478"/>
          <ac:spMkLst>
            <pc:docMk/>
            <pc:sldMk cId="1056165844" sldId="860"/>
            <ac:spMk id="25" creationId="{2357CBA6-5CFB-426B-E02A-0DEB3E69AAE3}"/>
          </ac:spMkLst>
        </pc:spChg>
        <pc:grpChg chg="del">
          <ac:chgData name="Aluffi, Pietro" userId="810df28b-0e6a-47dc-86dd-8f68aed2c426" providerId="ADAL" clId="{89F1A962-CF43-894A-B0CF-B3713C7CE6CC}" dt="2022-11-16T11:42:15.227" v="1811" actId="478"/>
          <ac:grpSpMkLst>
            <pc:docMk/>
            <pc:sldMk cId="1056165844" sldId="860"/>
            <ac:grpSpMk id="23" creationId="{A341809A-A52B-DC50-1C83-77F7DD6A9A0D}"/>
          </ac:grpSpMkLst>
        </pc:grpChg>
        <pc:picChg chg="del">
          <ac:chgData name="Aluffi, Pietro" userId="810df28b-0e6a-47dc-86dd-8f68aed2c426" providerId="ADAL" clId="{89F1A962-CF43-894A-B0CF-B3713C7CE6CC}" dt="2022-11-16T11:42:19.658" v="1813" actId="478"/>
          <ac:picMkLst>
            <pc:docMk/>
            <pc:sldMk cId="1056165844" sldId="860"/>
            <ac:picMk id="3074" creationId="{3519A4EE-B667-EF0C-6ACF-CCE0B230A9B5}"/>
          </ac:picMkLst>
        </pc:picChg>
      </pc:sldChg>
      <pc:sldChg chg="delSp modSp add mod ord">
        <pc:chgData name="Aluffi, Pietro" userId="810df28b-0e6a-47dc-86dd-8f68aed2c426" providerId="ADAL" clId="{89F1A962-CF43-894A-B0CF-B3713C7CE6CC}" dt="2022-11-18T12:31:46.321" v="5546" actId="313"/>
        <pc:sldMkLst>
          <pc:docMk/>
          <pc:sldMk cId="1434281004" sldId="861"/>
        </pc:sldMkLst>
        <pc:spChg chg="mod">
          <ac:chgData name="Aluffi, Pietro" userId="810df28b-0e6a-47dc-86dd-8f68aed2c426" providerId="ADAL" clId="{89F1A962-CF43-894A-B0CF-B3713C7CE6CC}" dt="2022-11-16T12:36:08.170" v="2819" actId="20577"/>
          <ac:spMkLst>
            <pc:docMk/>
            <pc:sldMk cId="1434281004" sldId="861"/>
            <ac:spMk id="2" creationId="{AFE34C7F-346D-4632-A718-477C9B221782}"/>
          </ac:spMkLst>
        </pc:spChg>
        <pc:spChg chg="del">
          <ac:chgData name="Aluffi, Pietro" userId="810df28b-0e6a-47dc-86dd-8f68aed2c426" providerId="ADAL" clId="{89F1A962-CF43-894A-B0CF-B3713C7CE6CC}" dt="2022-11-16T12:36:11.911" v="2820" actId="478"/>
          <ac:spMkLst>
            <pc:docMk/>
            <pc:sldMk cId="1434281004" sldId="861"/>
            <ac:spMk id="6" creationId="{50F4E6FA-E925-EBA3-8160-DDA4374A51E3}"/>
          </ac:spMkLst>
        </pc:spChg>
        <pc:spChg chg="mod">
          <ac:chgData name="Aluffi, Pietro" userId="810df28b-0e6a-47dc-86dd-8f68aed2c426" providerId="ADAL" clId="{89F1A962-CF43-894A-B0CF-B3713C7CE6CC}" dt="2022-11-18T12:31:46.321" v="5546" actId="313"/>
          <ac:spMkLst>
            <pc:docMk/>
            <pc:sldMk cId="1434281004" sldId="861"/>
            <ac:spMk id="8" creationId="{34E32690-3183-40C8-CBE8-650F66A67115}"/>
          </ac:spMkLst>
        </pc:spChg>
        <pc:spChg chg="del mod">
          <ac:chgData name="Aluffi, Pietro" userId="810df28b-0e6a-47dc-86dd-8f68aed2c426" providerId="ADAL" clId="{89F1A962-CF43-894A-B0CF-B3713C7CE6CC}" dt="2022-11-16T12:36:15.276" v="2822" actId="478"/>
          <ac:spMkLst>
            <pc:docMk/>
            <pc:sldMk cId="1434281004" sldId="861"/>
            <ac:spMk id="11" creationId="{5CCC2BD3-A2B6-F8A6-3042-98D7ECD57765}"/>
          </ac:spMkLst>
        </pc:spChg>
      </pc:sldChg>
      <pc:sldChg chg="delSp modSp add mod ord">
        <pc:chgData name="Aluffi, Pietro" userId="810df28b-0e6a-47dc-86dd-8f68aed2c426" providerId="ADAL" clId="{89F1A962-CF43-894A-B0CF-B3713C7CE6CC}" dt="2022-11-16T12:42:43.200" v="3314" actId="478"/>
        <pc:sldMkLst>
          <pc:docMk/>
          <pc:sldMk cId="762794611" sldId="862"/>
        </pc:sldMkLst>
        <pc:spChg chg="mod">
          <ac:chgData name="Aluffi, Pietro" userId="810df28b-0e6a-47dc-86dd-8f68aed2c426" providerId="ADAL" clId="{89F1A962-CF43-894A-B0CF-B3713C7CE6CC}" dt="2022-11-16T12:42:40.582" v="3313" actId="20577"/>
          <ac:spMkLst>
            <pc:docMk/>
            <pc:sldMk cId="762794611" sldId="862"/>
            <ac:spMk id="2" creationId="{AE1BE45B-27F9-0D2E-2A9E-05DA21A9DE93}"/>
          </ac:spMkLst>
        </pc:spChg>
        <pc:spChg chg="del">
          <ac:chgData name="Aluffi, Pietro" userId="810df28b-0e6a-47dc-86dd-8f68aed2c426" providerId="ADAL" clId="{89F1A962-CF43-894A-B0CF-B3713C7CE6CC}" dt="2022-11-16T12:42:43.200" v="3314" actId="478"/>
          <ac:spMkLst>
            <pc:docMk/>
            <pc:sldMk cId="762794611" sldId="862"/>
            <ac:spMk id="8" creationId="{60BB7770-B17E-B131-B804-A3BCCCE5FD86}"/>
          </ac:spMkLst>
        </pc:spChg>
      </pc:sldChg>
      <pc:sldChg chg="addSp delSp modSp add mod ord">
        <pc:chgData name="Aluffi, Pietro" userId="810df28b-0e6a-47dc-86dd-8f68aed2c426" providerId="ADAL" clId="{89F1A962-CF43-894A-B0CF-B3713C7CE6CC}" dt="2022-11-16T15:10:48.850" v="4763" actId="5793"/>
        <pc:sldMkLst>
          <pc:docMk/>
          <pc:sldMk cId="131043980" sldId="863"/>
        </pc:sldMkLst>
        <pc:spChg chg="del">
          <ac:chgData name="Aluffi, Pietro" userId="810df28b-0e6a-47dc-86dd-8f68aed2c426" providerId="ADAL" clId="{89F1A962-CF43-894A-B0CF-B3713C7CE6CC}" dt="2022-11-16T12:43:14.304" v="3317" actId="478"/>
          <ac:spMkLst>
            <pc:docMk/>
            <pc:sldMk cId="131043980" sldId="863"/>
            <ac:spMk id="2" creationId="{AFE34C7F-346D-4632-A718-477C9B221782}"/>
          </ac:spMkLst>
        </pc:spChg>
        <pc:spChg chg="add del mod">
          <ac:chgData name="Aluffi, Pietro" userId="810df28b-0e6a-47dc-86dd-8f68aed2c426" providerId="ADAL" clId="{89F1A962-CF43-894A-B0CF-B3713C7CE6CC}" dt="2022-11-16T12:43:17.108" v="3320" actId="478"/>
          <ac:spMkLst>
            <pc:docMk/>
            <pc:sldMk cId="131043980" sldId="863"/>
            <ac:spMk id="4" creationId="{BCD05B13-CE03-A42A-C7B5-53A808021C31}"/>
          </ac:spMkLst>
        </pc:spChg>
        <pc:spChg chg="add del mod">
          <ac:chgData name="Aluffi, Pietro" userId="810df28b-0e6a-47dc-86dd-8f68aed2c426" providerId="ADAL" clId="{89F1A962-CF43-894A-B0CF-B3713C7CE6CC}" dt="2022-11-16T12:43:15.895" v="3319"/>
          <ac:spMkLst>
            <pc:docMk/>
            <pc:sldMk cId="131043980" sldId="863"/>
            <ac:spMk id="5" creationId="{C776096C-6FEA-6E37-F339-0F1A16E23C97}"/>
          </ac:spMkLst>
        </pc:spChg>
        <pc:spChg chg="add mod">
          <ac:chgData name="Aluffi, Pietro" userId="810df28b-0e6a-47dc-86dd-8f68aed2c426" providerId="ADAL" clId="{89F1A962-CF43-894A-B0CF-B3713C7CE6CC}" dt="2022-11-16T12:43:34.349" v="3360" actId="313"/>
          <ac:spMkLst>
            <pc:docMk/>
            <pc:sldMk cId="131043980" sldId="863"/>
            <ac:spMk id="6" creationId="{4ACB9E0D-B349-71ED-6C24-67B6CB7E41E9}"/>
          </ac:spMkLst>
        </pc:spChg>
        <pc:spChg chg="mod">
          <ac:chgData name="Aluffi, Pietro" userId="810df28b-0e6a-47dc-86dd-8f68aed2c426" providerId="ADAL" clId="{89F1A962-CF43-894A-B0CF-B3713C7CE6CC}" dt="2022-11-16T15:10:48.850" v="4763" actId="5793"/>
          <ac:spMkLst>
            <pc:docMk/>
            <pc:sldMk cId="131043980" sldId="863"/>
            <ac:spMk id="8" creationId="{34E32690-3183-40C8-CBE8-650F66A67115}"/>
          </ac:spMkLst>
        </pc:spChg>
      </pc:sldChg>
      <pc:sldChg chg="addSp modSp add mod ord">
        <pc:chgData name="Aluffi, Pietro" userId="810df28b-0e6a-47dc-86dd-8f68aed2c426" providerId="ADAL" clId="{89F1A962-CF43-894A-B0CF-B3713C7CE6CC}" dt="2022-11-16T13:48:14.762" v="4276" actId="20578"/>
        <pc:sldMkLst>
          <pc:docMk/>
          <pc:sldMk cId="1578044048" sldId="864"/>
        </pc:sldMkLst>
        <pc:spChg chg="add mod">
          <ac:chgData name="Aluffi, Pietro" userId="810df28b-0e6a-47dc-86dd-8f68aed2c426" providerId="ADAL" clId="{89F1A962-CF43-894A-B0CF-B3713C7CE6CC}" dt="2022-11-16T12:54:20.987" v="4196" actId="1076"/>
          <ac:spMkLst>
            <pc:docMk/>
            <pc:sldMk cId="1578044048" sldId="864"/>
            <ac:spMk id="4" creationId="{89C5D640-0B13-409A-7883-BCBD8DD4A03A}"/>
          </ac:spMkLst>
        </pc:spChg>
        <pc:spChg chg="mod">
          <ac:chgData name="Aluffi, Pietro" userId="810df28b-0e6a-47dc-86dd-8f68aed2c426" providerId="ADAL" clId="{89F1A962-CF43-894A-B0CF-B3713C7CE6CC}" dt="2022-11-16T12:56:03.814" v="4209" actId="20577"/>
          <ac:spMkLst>
            <pc:docMk/>
            <pc:sldMk cId="1578044048" sldId="864"/>
            <ac:spMk id="6" creationId="{4ACB9E0D-B349-71ED-6C24-67B6CB7E41E9}"/>
          </ac:spMkLst>
        </pc:spChg>
        <pc:spChg chg="mod">
          <ac:chgData name="Aluffi, Pietro" userId="810df28b-0e6a-47dc-86dd-8f68aed2c426" providerId="ADAL" clId="{89F1A962-CF43-894A-B0CF-B3713C7CE6CC}" dt="2022-11-16T12:53:15.416" v="4180" actId="2710"/>
          <ac:spMkLst>
            <pc:docMk/>
            <pc:sldMk cId="1578044048" sldId="864"/>
            <ac:spMk id="8" creationId="{34E32690-3183-40C8-CBE8-650F66A67115}"/>
          </ac:spMkLst>
        </pc:spChg>
        <pc:picChg chg="add mod">
          <ac:chgData name="Aluffi, Pietro" userId="810df28b-0e6a-47dc-86dd-8f68aed2c426" providerId="ADAL" clId="{89F1A962-CF43-894A-B0CF-B3713C7CE6CC}" dt="2022-11-16T12:53:17.540" v="4181" actId="1076"/>
          <ac:picMkLst>
            <pc:docMk/>
            <pc:sldMk cId="1578044048" sldId="864"/>
            <ac:picMk id="3" creationId="{6FDFBAE0-49EE-C7E3-32D1-097773947466}"/>
          </ac:picMkLst>
        </pc:picChg>
      </pc:sldChg>
      <pc:sldChg chg="delSp modSp add del mod ord">
        <pc:chgData name="Aluffi, Pietro" userId="810df28b-0e6a-47dc-86dd-8f68aed2c426" providerId="ADAL" clId="{89F1A962-CF43-894A-B0CF-B3713C7CE6CC}" dt="2022-11-16T13:48:10.165" v="4270" actId="2696"/>
        <pc:sldMkLst>
          <pc:docMk/>
          <pc:sldMk cId="4128184337" sldId="865"/>
        </pc:sldMkLst>
        <pc:spChg chg="mod">
          <ac:chgData name="Aluffi, Pietro" userId="810df28b-0e6a-47dc-86dd-8f68aed2c426" providerId="ADAL" clId="{89F1A962-CF43-894A-B0CF-B3713C7CE6CC}" dt="2022-11-16T12:56:20.328" v="4221"/>
          <ac:spMkLst>
            <pc:docMk/>
            <pc:sldMk cId="4128184337" sldId="865"/>
            <ac:spMk id="6" creationId="{4ACB9E0D-B349-71ED-6C24-67B6CB7E41E9}"/>
          </ac:spMkLst>
        </pc:spChg>
        <pc:spChg chg="del mod">
          <ac:chgData name="Aluffi, Pietro" userId="810df28b-0e6a-47dc-86dd-8f68aed2c426" providerId="ADAL" clId="{89F1A962-CF43-894A-B0CF-B3713C7CE6CC}" dt="2022-11-16T12:56:50.353" v="4233" actId="478"/>
          <ac:spMkLst>
            <pc:docMk/>
            <pc:sldMk cId="4128184337" sldId="865"/>
            <ac:spMk id="8" creationId="{34E32690-3183-40C8-CBE8-650F66A67115}"/>
          </ac:spMkLst>
        </pc:spChg>
      </pc:sldChg>
      <pc:sldChg chg="addSp modSp add mod ord">
        <pc:chgData name="Aluffi, Pietro" userId="810df28b-0e6a-47dc-86dd-8f68aed2c426" providerId="ADAL" clId="{89F1A962-CF43-894A-B0CF-B3713C7CE6CC}" dt="2022-11-18T12:49:11.909" v="5549" actId="1076"/>
        <pc:sldMkLst>
          <pc:docMk/>
          <pc:sldMk cId="1087738905" sldId="866"/>
        </pc:sldMkLst>
        <pc:spChg chg="add mod">
          <ac:chgData name="Aluffi, Pietro" userId="810df28b-0e6a-47dc-86dd-8f68aed2c426" providerId="ADAL" clId="{89F1A962-CF43-894A-B0CF-B3713C7CE6CC}" dt="2022-11-18T12:49:00.546" v="5548" actId="14100"/>
          <ac:spMkLst>
            <pc:docMk/>
            <pc:sldMk cId="1087738905" sldId="866"/>
            <ac:spMk id="2" creationId="{F9ED8B7F-39B3-7B1E-3608-F323B145840B}"/>
          </ac:spMkLst>
        </pc:spChg>
        <pc:spChg chg="add mod">
          <ac:chgData name="Aluffi, Pietro" userId="810df28b-0e6a-47dc-86dd-8f68aed2c426" providerId="ADAL" clId="{89F1A962-CF43-894A-B0CF-B3713C7CE6CC}" dt="2022-11-18T12:49:11.909" v="5549" actId="1076"/>
          <ac:spMkLst>
            <pc:docMk/>
            <pc:sldMk cId="1087738905" sldId="866"/>
            <ac:spMk id="3" creationId="{A18349F6-A4A5-08AF-511E-7ADDFB1F00F8}"/>
          </ac:spMkLst>
        </pc:spChg>
        <pc:spChg chg="mod">
          <ac:chgData name="Aluffi, Pietro" userId="810df28b-0e6a-47dc-86dd-8f68aed2c426" providerId="ADAL" clId="{89F1A962-CF43-894A-B0CF-B3713C7CE6CC}" dt="2022-11-16T12:59:04.977" v="4265" actId="20577"/>
          <ac:spMkLst>
            <pc:docMk/>
            <pc:sldMk cId="1087738905" sldId="866"/>
            <ac:spMk id="6" creationId="{4ACB9E0D-B349-71ED-6C24-67B6CB7E41E9}"/>
          </ac:spMkLst>
        </pc:spChg>
      </pc:sldChg>
      <pc:sldChg chg="addSp delSp modSp add mod">
        <pc:chgData name="Aluffi, Pietro" userId="810df28b-0e6a-47dc-86dd-8f68aed2c426" providerId="ADAL" clId="{89F1A962-CF43-894A-B0CF-B3713C7CE6CC}" dt="2022-11-16T15:03:56.689" v="4675" actId="20577"/>
        <pc:sldMkLst>
          <pc:docMk/>
          <pc:sldMk cId="2510683236" sldId="867"/>
        </pc:sldMkLst>
        <pc:spChg chg="mod">
          <ac:chgData name="Aluffi, Pietro" userId="810df28b-0e6a-47dc-86dd-8f68aed2c426" providerId="ADAL" clId="{89F1A962-CF43-894A-B0CF-B3713C7CE6CC}" dt="2022-11-16T15:03:56.689" v="4675" actId="20577"/>
          <ac:spMkLst>
            <pc:docMk/>
            <pc:sldMk cId="2510683236" sldId="867"/>
            <ac:spMk id="2" creationId="{F9ED8B7F-39B3-7B1E-3608-F323B145840B}"/>
          </ac:spMkLst>
        </pc:spChg>
        <pc:spChg chg="del">
          <ac:chgData name="Aluffi, Pietro" userId="810df28b-0e6a-47dc-86dd-8f68aed2c426" providerId="ADAL" clId="{89F1A962-CF43-894A-B0CF-B3713C7CE6CC}" dt="2022-11-16T14:53:28.994" v="4585" actId="478"/>
          <ac:spMkLst>
            <pc:docMk/>
            <pc:sldMk cId="2510683236" sldId="867"/>
            <ac:spMk id="3" creationId="{A18349F6-A4A5-08AF-511E-7ADDFB1F00F8}"/>
          </ac:spMkLst>
        </pc:spChg>
        <pc:spChg chg="add del mod">
          <ac:chgData name="Aluffi, Pietro" userId="810df28b-0e6a-47dc-86dd-8f68aed2c426" providerId="ADAL" clId="{89F1A962-CF43-894A-B0CF-B3713C7CE6CC}" dt="2022-11-16T15:00:25.681" v="4649" actId="478"/>
          <ac:spMkLst>
            <pc:docMk/>
            <pc:sldMk cId="2510683236" sldId="867"/>
            <ac:spMk id="4" creationId="{1938CB54-156A-ED6E-2621-BCD5D41A7D15}"/>
          </ac:spMkLst>
        </pc:spChg>
        <pc:spChg chg="add del mod">
          <ac:chgData name="Aluffi, Pietro" userId="810df28b-0e6a-47dc-86dd-8f68aed2c426" providerId="ADAL" clId="{89F1A962-CF43-894A-B0CF-B3713C7CE6CC}" dt="2022-11-16T15:01:49.731" v="4653" actId="767"/>
          <ac:spMkLst>
            <pc:docMk/>
            <pc:sldMk cId="2510683236" sldId="867"/>
            <ac:spMk id="5" creationId="{1250EED0-7744-F45E-E38B-743AF8D65B55}"/>
          </ac:spMkLst>
        </pc:spChg>
        <pc:spChg chg="mod">
          <ac:chgData name="Aluffi, Pietro" userId="810df28b-0e6a-47dc-86dd-8f68aed2c426" providerId="ADAL" clId="{89F1A962-CF43-894A-B0CF-B3713C7CE6CC}" dt="2022-11-16T14:53:51.424" v="4598" actId="20577"/>
          <ac:spMkLst>
            <pc:docMk/>
            <pc:sldMk cId="2510683236" sldId="867"/>
            <ac:spMk id="6" creationId="{4ACB9E0D-B349-71ED-6C24-67B6CB7E41E9}"/>
          </ac:spMkLst>
        </pc:spChg>
        <pc:graphicFrameChg chg="add del mod">
          <ac:chgData name="Aluffi, Pietro" userId="810df28b-0e6a-47dc-86dd-8f68aed2c426" providerId="ADAL" clId="{89F1A962-CF43-894A-B0CF-B3713C7CE6CC}" dt="2022-11-16T15:03:39.658" v="4655"/>
          <ac:graphicFrameMkLst>
            <pc:docMk/>
            <pc:sldMk cId="2510683236" sldId="867"/>
            <ac:graphicFrameMk id="7" creationId="{A50FDADE-04E4-D8B4-C846-47AF089549A7}"/>
          </ac:graphicFrameMkLst>
        </pc:graphicFrameChg>
        <pc:graphicFrameChg chg="add del mod">
          <ac:chgData name="Aluffi, Pietro" userId="810df28b-0e6a-47dc-86dd-8f68aed2c426" providerId="ADAL" clId="{89F1A962-CF43-894A-B0CF-B3713C7CE6CC}" dt="2022-11-16T15:03:44.846" v="4657"/>
          <ac:graphicFrameMkLst>
            <pc:docMk/>
            <pc:sldMk cId="2510683236" sldId="867"/>
            <ac:graphicFrameMk id="8" creationId="{F4B7860D-06B9-924A-AD84-11872A10513D}"/>
          </ac:graphicFrameMkLst>
        </pc:graphicFrameChg>
      </pc:sldChg>
      <pc:sldChg chg="add ord modTransition">
        <pc:chgData name="Aluffi, Pietro" userId="810df28b-0e6a-47dc-86dd-8f68aed2c426" providerId="ADAL" clId="{89F1A962-CF43-894A-B0CF-B3713C7CE6CC}" dt="2022-11-18T13:08:50.052" v="5566"/>
        <pc:sldMkLst>
          <pc:docMk/>
          <pc:sldMk cId="3703387092" sldId="868"/>
        </pc:sldMkLst>
      </pc:sldChg>
    </pc:docChg>
  </pc:docChgLst>
  <pc:docChgLst>
    <pc:chgData name="Stachl, Clemens" userId="c0094708-3af3-40cb-988b-a2e4b839b8f7" providerId="ADAL" clId="{4A3DEA1E-4735-0A46-9EE9-E4866D52B39F}"/>
    <pc:docChg chg="undo redo custSel addSld modSld">
      <pc:chgData name="Stachl, Clemens" userId="c0094708-3af3-40cb-988b-a2e4b839b8f7" providerId="ADAL" clId="{4A3DEA1E-4735-0A46-9EE9-E4866D52B39F}" dt="2022-05-16T16:19:16.429" v="2618" actId="20577"/>
      <pc:docMkLst>
        <pc:docMk/>
      </pc:docMkLst>
      <pc:sldChg chg="modSp mod">
        <pc:chgData name="Stachl, Clemens" userId="c0094708-3af3-40cb-988b-a2e4b839b8f7" providerId="ADAL" clId="{4A3DEA1E-4735-0A46-9EE9-E4866D52B39F}" dt="2022-05-16T16:19:16.429" v="2618" actId="20577"/>
        <pc:sldMkLst>
          <pc:docMk/>
          <pc:sldMk cId="1027030971" sldId="260"/>
        </pc:sldMkLst>
        <pc:spChg chg="mod">
          <ac:chgData name="Stachl, Clemens" userId="c0094708-3af3-40cb-988b-a2e4b839b8f7" providerId="ADAL" clId="{4A3DEA1E-4735-0A46-9EE9-E4866D52B39F}" dt="2022-05-16T16:10:24.752" v="2543" actId="404"/>
          <ac:spMkLst>
            <pc:docMk/>
            <pc:sldMk cId="1027030971" sldId="260"/>
            <ac:spMk id="2" creationId="{E94B0BCA-4F5F-4013-85EF-9B92FCD581B6}"/>
          </ac:spMkLst>
        </pc:spChg>
        <pc:spChg chg="mod">
          <ac:chgData name="Stachl, Clemens" userId="c0094708-3af3-40cb-988b-a2e4b839b8f7" providerId="ADAL" clId="{4A3DEA1E-4735-0A46-9EE9-E4866D52B39F}" dt="2022-05-16T16:19:16.429" v="2618" actId="20577"/>
          <ac:spMkLst>
            <pc:docMk/>
            <pc:sldMk cId="1027030971" sldId="260"/>
            <ac:spMk id="3" creationId="{B3A452BF-BC7E-4241-8028-121E88C1F22B}"/>
          </ac:spMkLst>
        </pc:spChg>
        <pc:picChg chg="mod">
          <ac:chgData name="Stachl, Clemens" userId="c0094708-3af3-40cb-988b-a2e4b839b8f7" providerId="ADAL" clId="{4A3DEA1E-4735-0A46-9EE9-E4866D52B39F}" dt="2022-05-16T16:11:27.538" v="2553" actId="1076"/>
          <ac:picMkLst>
            <pc:docMk/>
            <pc:sldMk cId="1027030971" sldId="260"/>
            <ac:picMk id="8" creationId="{CB251159-735C-3478-E978-6B0B4AED6A69}"/>
          </ac:picMkLst>
        </pc:picChg>
        <pc:picChg chg="mod">
          <ac:chgData name="Stachl, Clemens" userId="c0094708-3af3-40cb-988b-a2e4b839b8f7" providerId="ADAL" clId="{4A3DEA1E-4735-0A46-9EE9-E4866D52B39F}" dt="2022-05-16T16:17:14.527" v="2609" actId="1076"/>
          <ac:picMkLst>
            <pc:docMk/>
            <pc:sldMk cId="1027030971" sldId="260"/>
            <ac:picMk id="1026" creationId="{6AF4CC3C-BA05-8DE2-77C9-DD5BD7E154D4}"/>
          </ac:picMkLst>
        </pc:picChg>
      </pc:sldChg>
      <pc:sldChg chg="modSp mod modNotesTx">
        <pc:chgData name="Stachl, Clemens" userId="c0094708-3af3-40cb-988b-a2e4b839b8f7" providerId="ADAL" clId="{4A3DEA1E-4735-0A46-9EE9-E4866D52B39F}" dt="2022-05-16T15:39:55.901" v="1724" actId="20577"/>
        <pc:sldMkLst>
          <pc:docMk/>
          <pc:sldMk cId="1060726166" sldId="773"/>
        </pc:sldMkLst>
        <pc:spChg chg="mod">
          <ac:chgData name="Stachl, Clemens" userId="c0094708-3af3-40cb-988b-a2e4b839b8f7" providerId="ADAL" clId="{4A3DEA1E-4735-0A46-9EE9-E4866D52B39F}" dt="2022-05-16T14:55:52.464" v="1368" actId="20577"/>
          <ac:spMkLst>
            <pc:docMk/>
            <pc:sldMk cId="1060726166" sldId="773"/>
            <ac:spMk id="3" creationId="{272D3FDA-E770-4F60-89D7-D15D65A21C70}"/>
          </ac:spMkLst>
        </pc:spChg>
      </pc:sldChg>
      <pc:sldChg chg="modSp mod">
        <pc:chgData name="Stachl, Clemens" userId="c0094708-3af3-40cb-988b-a2e4b839b8f7" providerId="ADAL" clId="{4A3DEA1E-4735-0A46-9EE9-E4866D52B39F}" dt="2022-05-16T16:14:19.826" v="2583" actId="20577"/>
        <pc:sldMkLst>
          <pc:docMk/>
          <pc:sldMk cId="545875846" sldId="775"/>
        </pc:sldMkLst>
        <pc:spChg chg="mod">
          <ac:chgData name="Stachl, Clemens" userId="c0094708-3af3-40cb-988b-a2e4b839b8f7" providerId="ADAL" clId="{4A3DEA1E-4735-0A46-9EE9-E4866D52B39F}" dt="2022-05-16T16:14:19.826" v="2583" actId="20577"/>
          <ac:spMkLst>
            <pc:docMk/>
            <pc:sldMk cId="545875846" sldId="775"/>
            <ac:spMk id="3" creationId="{5847790E-55C3-4616-B8BD-894308270FD3}"/>
          </ac:spMkLst>
        </pc:spChg>
      </pc:sldChg>
      <pc:sldChg chg="modSp mod">
        <pc:chgData name="Stachl, Clemens" userId="c0094708-3af3-40cb-988b-a2e4b839b8f7" providerId="ADAL" clId="{4A3DEA1E-4735-0A46-9EE9-E4866D52B39F}" dt="2022-05-16T16:11:53.382" v="2566" actId="20577"/>
        <pc:sldMkLst>
          <pc:docMk/>
          <pc:sldMk cId="1170529924" sldId="809"/>
        </pc:sldMkLst>
        <pc:spChg chg="mod">
          <ac:chgData name="Stachl, Clemens" userId="c0094708-3af3-40cb-988b-a2e4b839b8f7" providerId="ADAL" clId="{4A3DEA1E-4735-0A46-9EE9-E4866D52B39F}" dt="2022-05-16T16:11:53.382" v="2566" actId="20577"/>
          <ac:spMkLst>
            <pc:docMk/>
            <pc:sldMk cId="1170529924" sldId="809"/>
            <ac:spMk id="3" creationId="{272D3FDA-E770-4F60-89D7-D15D65A21C70}"/>
          </ac:spMkLst>
        </pc:spChg>
        <pc:picChg chg="mod">
          <ac:chgData name="Stachl, Clemens" userId="c0094708-3af3-40cb-988b-a2e4b839b8f7" providerId="ADAL" clId="{4A3DEA1E-4735-0A46-9EE9-E4866D52B39F}" dt="2022-05-16T16:06:35.473" v="2442" actId="1076"/>
          <ac:picMkLst>
            <pc:docMk/>
            <pc:sldMk cId="1170529924" sldId="809"/>
            <ac:picMk id="5" creationId="{9C7807FD-8B03-48A3-065E-2233B3ED5325}"/>
          </ac:picMkLst>
        </pc:picChg>
      </pc:sldChg>
      <pc:sldChg chg="addSp modSp mod">
        <pc:chgData name="Stachl, Clemens" userId="c0094708-3af3-40cb-988b-a2e4b839b8f7" providerId="ADAL" clId="{4A3DEA1E-4735-0A46-9EE9-E4866D52B39F}" dt="2022-05-16T16:06:42.373" v="2445" actId="1076"/>
        <pc:sldMkLst>
          <pc:docMk/>
          <pc:sldMk cId="1993635591" sldId="810"/>
        </pc:sldMkLst>
        <pc:spChg chg="mod">
          <ac:chgData name="Stachl, Clemens" userId="c0094708-3af3-40cb-988b-a2e4b839b8f7" providerId="ADAL" clId="{4A3DEA1E-4735-0A46-9EE9-E4866D52B39F}" dt="2022-05-16T15:55:33.915" v="1973" actId="20577"/>
          <ac:spMkLst>
            <pc:docMk/>
            <pc:sldMk cId="1993635591" sldId="810"/>
            <ac:spMk id="2" creationId="{9691FC53-300C-4B82-9A4A-0A23B745070A}"/>
          </ac:spMkLst>
        </pc:spChg>
        <pc:spChg chg="mod">
          <ac:chgData name="Stachl, Clemens" userId="c0094708-3af3-40cb-988b-a2e4b839b8f7" providerId="ADAL" clId="{4A3DEA1E-4735-0A46-9EE9-E4866D52B39F}" dt="2022-05-16T15:59:08.064" v="2139" actId="14100"/>
          <ac:spMkLst>
            <pc:docMk/>
            <pc:sldMk cId="1993635591" sldId="810"/>
            <ac:spMk id="3" creationId="{272D3FDA-E770-4F60-89D7-D15D65A21C70}"/>
          </ac:spMkLst>
        </pc:spChg>
        <pc:picChg chg="add mod">
          <ac:chgData name="Stachl, Clemens" userId="c0094708-3af3-40cb-988b-a2e4b839b8f7" providerId="ADAL" clId="{4A3DEA1E-4735-0A46-9EE9-E4866D52B39F}" dt="2022-05-16T16:06:42.373" v="2445" actId="1076"/>
          <ac:picMkLst>
            <pc:docMk/>
            <pc:sldMk cId="1993635591" sldId="810"/>
            <ac:picMk id="5" creationId="{0E5B1B81-B845-7D0F-B328-05E78B6C9AA7}"/>
          </ac:picMkLst>
        </pc:picChg>
      </pc:sldChg>
      <pc:sldChg chg="addSp modSp mod">
        <pc:chgData name="Stachl, Clemens" userId="c0094708-3af3-40cb-988b-a2e4b839b8f7" providerId="ADAL" clId="{4A3DEA1E-4735-0A46-9EE9-E4866D52B39F}" dt="2022-05-16T16:14:46.824" v="2606" actId="20577"/>
        <pc:sldMkLst>
          <pc:docMk/>
          <pc:sldMk cId="1576090608" sldId="814"/>
        </pc:sldMkLst>
        <pc:spChg chg="mod">
          <ac:chgData name="Stachl, Clemens" userId="c0094708-3af3-40cb-988b-a2e4b839b8f7" providerId="ADAL" clId="{4A3DEA1E-4735-0A46-9EE9-E4866D52B39F}" dt="2022-05-16T16:14:46.824" v="2606" actId="20577"/>
          <ac:spMkLst>
            <pc:docMk/>
            <pc:sldMk cId="1576090608" sldId="814"/>
            <ac:spMk id="3" creationId="{272D3FDA-E770-4F60-89D7-D15D65A21C70}"/>
          </ac:spMkLst>
        </pc:spChg>
        <pc:picChg chg="add mod">
          <ac:chgData name="Stachl, Clemens" userId="c0094708-3af3-40cb-988b-a2e4b839b8f7" providerId="ADAL" clId="{4A3DEA1E-4735-0A46-9EE9-E4866D52B39F}" dt="2022-05-16T16:14:05.997" v="2581" actId="14100"/>
          <ac:picMkLst>
            <pc:docMk/>
            <pc:sldMk cId="1576090608" sldId="814"/>
            <ac:picMk id="5" creationId="{27108B29-4F5B-21ED-98F9-2A826DEF4DBC}"/>
          </ac:picMkLst>
        </pc:picChg>
      </pc:sldChg>
      <pc:sldChg chg="modSp mod">
        <pc:chgData name="Stachl, Clemens" userId="c0094708-3af3-40cb-988b-a2e4b839b8f7" providerId="ADAL" clId="{4A3DEA1E-4735-0A46-9EE9-E4866D52B39F}" dt="2022-05-16T14:55:09.490" v="1360" actId="14100"/>
        <pc:sldMkLst>
          <pc:docMk/>
          <pc:sldMk cId="1868121453" sldId="815"/>
        </pc:sldMkLst>
        <pc:spChg chg="mod">
          <ac:chgData name="Stachl, Clemens" userId="c0094708-3af3-40cb-988b-a2e4b839b8f7" providerId="ADAL" clId="{4A3DEA1E-4735-0A46-9EE9-E4866D52B39F}" dt="2022-05-16T14:55:09.490" v="1360" actId="14100"/>
          <ac:spMkLst>
            <pc:docMk/>
            <pc:sldMk cId="1868121453" sldId="815"/>
            <ac:spMk id="3" creationId="{5847790E-55C3-4616-B8BD-894308270FD3}"/>
          </ac:spMkLst>
        </pc:spChg>
        <pc:spChg chg="mod">
          <ac:chgData name="Stachl, Clemens" userId="c0094708-3af3-40cb-988b-a2e4b839b8f7" providerId="ADAL" clId="{4A3DEA1E-4735-0A46-9EE9-E4866D52B39F}" dt="2022-05-16T14:45:13.187" v="809" actId="20577"/>
          <ac:spMkLst>
            <pc:docMk/>
            <pc:sldMk cId="1868121453" sldId="815"/>
            <ac:spMk id="19" creationId="{17BA4066-54F2-40DB-B61A-445A00112AA7}"/>
          </ac:spMkLst>
        </pc:spChg>
      </pc:sldChg>
      <pc:sldChg chg="addSp delSp modSp new mod">
        <pc:chgData name="Stachl, Clemens" userId="c0094708-3af3-40cb-988b-a2e4b839b8f7" providerId="ADAL" clId="{4A3DEA1E-4735-0A46-9EE9-E4866D52B39F}" dt="2022-05-16T15:53:15.505" v="1918" actId="20577"/>
        <pc:sldMkLst>
          <pc:docMk/>
          <pc:sldMk cId="1158557512" sldId="816"/>
        </pc:sldMkLst>
        <pc:spChg chg="mod">
          <ac:chgData name="Stachl, Clemens" userId="c0094708-3af3-40cb-988b-a2e4b839b8f7" providerId="ADAL" clId="{4A3DEA1E-4735-0A46-9EE9-E4866D52B39F}" dt="2022-05-16T14:43:50.328" v="685" actId="20577"/>
          <ac:spMkLst>
            <pc:docMk/>
            <pc:sldMk cId="1158557512" sldId="816"/>
            <ac:spMk id="2" creationId="{AE1BE45B-27F9-0D2E-2A9E-05DA21A9DE93}"/>
          </ac:spMkLst>
        </pc:spChg>
        <pc:spChg chg="del mod">
          <ac:chgData name="Stachl, Clemens" userId="c0094708-3af3-40cb-988b-a2e4b839b8f7" providerId="ADAL" clId="{4A3DEA1E-4735-0A46-9EE9-E4866D52B39F}" dt="2022-05-16T14:41:14.426" v="616" actId="478"/>
          <ac:spMkLst>
            <pc:docMk/>
            <pc:sldMk cId="1158557512" sldId="816"/>
            <ac:spMk id="3" creationId="{061B9AD6-1041-1E61-FD8F-922B210CBB9F}"/>
          </ac:spMkLst>
        </pc:spChg>
        <pc:spChg chg="add del">
          <ac:chgData name="Stachl, Clemens" userId="c0094708-3af3-40cb-988b-a2e4b839b8f7" providerId="ADAL" clId="{4A3DEA1E-4735-0A46-9EE9-E4866D52B39F}" dt="2022-05-16T14:33:38.781" v="343" actId="478"/>
          <ac:spMkLst>
            <pc:docMk/>
            <pc:sldMk cId="1158557512" sldId="816"/>
            <ac:spMk id="4" creationId="{35F0BA96-1165-F531-925F-98ECD9C53378}"/>
          </ac:spMkLst>
        </pc:spChg>
        <pc:spChg chg="add mod">
          <ac:chgData name="Stachl, Clemens" userId="c0094708-3af3-40cb-988b-a2e4b839b8f7" providerId="ADAL" clId="{4A3DEA1E-4735-0A46-9EE9-E4866D52B39F}" dt="2022-05-16T15:53:15.505" v="1918" actId="20577"/>
          <ac:spMkLst>
            <pc:docMk/>
            <pc:sldMk cId="1158557512" sldId="816"/>
            <ac:spMk id="5" creationId="{A30EFF8A-724A-1443-5EBF-75BEE7AF20E8}"/>
          </ac:spMkLst>
        </pc:spChg>
        <pc:spChg chg="add mod">
          <ac:chgData name="Stachl, Clemens" userId="c0094708-3af3-40cb-988b-a2e4b839b8f7" providerId="ADAL" clId="{4A3DEA1E-4735-0A46-9EE9-E4866D52B39F}" dt="2022-05-16T15:52:37.751" v="1891" actId="12"/>
          <ac:spMkLst>
            <pc:docMk/>
            <pc:sldMk cId="1158557512" sldId="816"/>
            <ac:spMk id="6" creationId="{65362586-5508-0AC9-1250-F213051CB464}"/>
          </ac:spMkLst>
        </pc:spChg>
        <pc:spChg chg="add mod">
          <ac:chgData name="Stachl, Clemens" userId="c0094708-3af3-40cb-988b-a2e4b839b8f7" providerId="ADAL" clId="{4A3DEA1E-4735-0A46-9EE9-E4866D52B39F}" dt="2022-05-16T15:52:32.215" v="1889" actId="12"/>
          <ac:spMkLst>
            <pc:docMk/>
            <pc:sldMk cId="1158557512" sldId="816"/>
            <ac:spMk id="7" creationId="{F42185A9-22A7-C252-9DE0-D8520DE7EC6D}"/>
          </ac:spMkLst>
        </pc:spChg>
        <pc:spChg chg="add mod">
          <ac:chgData name="Stachl, Clemens" userId="c0094708-3af3-40cb-988b-a2e4b839b8f7" providerId="ADAL" clId="{4A3DEA1E-4735-0A46-9EE9-E4866D52B39F}" dt="2022-05-16T14:57:18.637" v="1370" actId="14100"/>
          <ac:spMkLst>
            <pc:docMk/>
            <pc:sldMk cId="1158557512" sldId="816"/>
            <ac:spMk id="8" creationId="{CFA45DB4-FBF9-1592-1311-C2E106675DB0}"/>
          </ac:spMkLst>
        </pc:spChg>
        <pc:spChg chg="add mod">
          <ac:chgData name="Stachl, Clemens" userId="c0094708-3af3-40cb-988b-a2e4b839b8f7" providerId="ADAL" clId="{4A3DEA1E-4735-0A46-9EE9-E4866D52B39F}" dt="2022-05-16T15:48:24.167" v="1799" actId="1036"/>
          <ac:spMkLst>
            <pc:docMk/>
            <pc:sldMk cId="1158557512" sldId="816"/>
            <ac:spMk id="9" creationId="{C45C66E7-8B10-00C4-ECF4-0238C40A342B}"/>
          </ac:spMkLst>
        </pc:spChg>
        <pc:spChg chg="add mod">
          <ac:chgData name="Stachl, Clemens" userId="c0094708-3af3-40cb-988b-a2e4b839b8f7" providerId="ADAL" clId="{4A3DEA1E-4735-0A46-9EE9-E4866D52B39F}" dt="2022-05-16T15:48:24.167" v="1799" actId="1036"/>
          <ac:spMkLst>
            <pc:docMk/>
            <pc:sldMk cId="1158557512" sldId="816"/>
            <ac:spMk id="10" creationId="{3F2E10F0-8B38-91E8-4A5F-760A366A796B}"/>
          </ac:spMkLst>
        </pc:spChg>
        <pc:spChg chg="add mod">
          <ac:chgData name="Stachl, Clemens" userId="c0094708-3af3-40cb-988b-a2e4b839b8f7" providerId="ADAL" clId="{4A3DEA1E-4735-0A46-9EE9-E4866D52B39F}" dt="2022-05-16T15:48:24.167" v="1799" actId="1036"/>
          <ac:spMkLst>
            <pc:docMk/>
            <pc:sldMk cId="1158557512" sldId="816"/>
            <ac:spMk id="11" creationId="{92AA03CD-14C5-E2C0-B299-827855ACD80D}"/>
          </ac:spMkLst>
        </pc:spChg>
        <pc:spChg chg="add mod">
          <ac:chgData name="Stachl, Clemens" userId="c0094708-3af3-40cb-988b-a2e4b839b8f7" providerId="ADAL" clId="{4A3DEA1E-4735-0A46-9EE9-E4866D52B39F}" dt="2022-05-16T15:48:24.167" v="1799" actId="1036"/>
          <ac:spMkLst>
            <pc:docMk/>
            <pc:sldMk cId="1158557512" sldId="816"/>
            <ac:spMk id="12" creationId="{087CE178-A36E-5A12-3AF4-BB7D7F6FA220}"/>
          </ac:spMkLst>
        </pc:spChg>
        <pc:spChg chg="add mod">
          <ac:chgData name="Stachl, Clemens" userId="c0094708-3af3-40cb-988b-a2e4b839b8f7" providerId="ADAL" clId="{4A3DEA1E-4735-0A46-9EE9-E4866D52B39F}" dt="2022-05-16T15:48:24.167" v="1799" actId="1036"/>
          <ac:spMkLst>
            <pc:docMk/>
            <pc:sldMk cId="1158557512" sldId="816"/>
            <ac:spMk id="19" creationId="{53A32B8D-D768-AA7C-D48A-A6054887477C}"/>
          </ac:spMkLst>
        </pc:spChg>
        <pc:spChg chg="add mod">
          <ac:chgData name="Stachl, Clemens" userId="c0094708-3af3-40cb-988b-a2e4b839b8f7" providerId="ADAL" clId="{4A3DEA1E-4735-0A46-9EE9-E4866D52B39F}" dt="2022-05-16T15:48:24.167" v="1799" actId="1036"/>
          <ac:spMkLst>
            <pc:docMk/>
            <pc:sldMk cId="1158557512" sldId="816"/>
            <ac:spMk id="20" creationId="{38819AA7-D1BC-0B76-AB90-A5E58A809864}"/>
          </ac:spMkLst>
        </pc:spChg>
        <pc:spChg chg="add mod">
          <ac:chgData name="Stachl, Clemens" userId="c0094708-3af3-40cb-988b-a2e4b839b8f7" providerId="ADAL" clId="{4A3DEA1E-4735-0A46-9EE9-E4866D52B39F}" dt="2022-05-16T15:48:24.167" v="1799" actId="1036"/>
          <ac:spMkLst>
            <pc:docMk/>
            <pc:sldMk cId="1158557512" sldId="816"/>
            <ac:spMk id="22" creationId="{4897F05B-2D9F-DB95-72E9-EADDE50007B2}"/>
          </ac:spMkLst>
        </pc:spChg>
        <pc:spChg chg="add mod">
          <ac:chgData name="Stachl, Clemens" userId="c0094708-3af3-40cb-988b-a2e4b839b8f7" providerId="ADAL" clId="{4A3DEA1E-4735-0A46-9EE9-E4866D52B39F}" dt="2022-05-16T15:48:24.167" v="1799" actId="1036"/>
          <ac:spMkLst>
            <pc:docMk/>
            <pc:sldMk cId="1158557512" sldId="816"/>
            <ac:spMk id="33" creationId="{0A3CBB17-0952-9C5E-DE4B-9AD7EC49D02A}"/>
          </ac:spMkLst>
        </pc:spChg>
        <pc:spChg chg="add mod">
          <ac:chgData name="Stachl, Clemens" userId="c0094708-3af3-40cb-988b-a2e4b839b8f7" providerId="ADAL" clId="{4A3DEA1E-4735-0A46-9EE9-E4866D52B39F}" dt="2022-05-16T15:48:24.167" v="1799" actId="1036"/>
          <ac:spMkLst>
            <pc:docMk/>
            <pc:sldMk cId="1158557512" sldId="816"/>
            <ac:spMk id="34" creationId="{814EDC4F-DDD6-97E3-58D8-0C8F97383B07}"/>
          </ac:spMkLst>
        </pc:spChg>
        <pc:spChg chg="add mod">
          <ac:chgData name="Stachl, Clemens" userId="c0094708-3af3-40cb-988b-a2e4b839b8f7" providerId="ADAL" clId="{4A3DEA1E-4735-0A46-9EE9-E4866D52B39F}" dt="2022-05-16T15:48:24.167" v="1799" actId="1036"/>
          <ac:spMkLst>
            <pc:docMk/>
            <pc:sldMk cId="1158557512" sldId="816"/>
            <ac:spMk id="35" creationId="{A9B79024-64C2-31EC-B809-210B34796017}"/>
          </ac:spMkLst>
        </pc:spChg>
        <pc:spChg chg="add mod">
          <ac:chgData name="Stachl, Clemens" userId="c0094708-3af3-40cb-988b-a2e4b839b8f7" providerId="ADAL" clId="{4A3DEA1E-4735-0A46-9EE9-E4866D52B39F}" dt="2022-05-16T15:48:24.167" v="1799" actId="1036"/>
          <ac:spMkLst>
            <pc:docMk/>
            <pc:sldMk cId="1158557512" sldId="816"/>
            <ac:spMk id="38" creationId="{D086757E-475C-EAB8-DE9E-918C7910620B}"/>
          </ac:spMkLst>
        </pc:spChg>
        <pc:spChg chg="add mod">
          <ac:chgData name="Stachl, Clemens" userId="c0094708-3af3-40cb-988b-a2e4b839b8f7" providerId="ADAL" clId="{4A3DEA1E-4735-0A46-9EE9-E4866D52B39F}" dt="2022-05-16T15:48:24.167" v="1799" actId="1036"/>
          <ac:spMkLst>
            <pc:docMk/>
            <pc:sldMk cId="1158557512" sldId="816"/>
            <ac:spMk id="39" creationId="{70429AD1-0DA3-0A18-D89D-C9545AF21AD0}"/>
          </ac:spMkLst>
        </pc:spChg>
        <pc:spChg chg="add mod">
          <ac:chgData name="Stachl, Clemens" userId="c0094708-3af3-40cb-988b-a2e4b839b8f7" providerId="ADAL" clId="{4A3DEA1E-4735-0A46-9EE9-E4866D52B39F}" dt="2022-05-16T15:48:51.390" v="1821" actId="1076"/>
          <ac:spMkLst>
            <pc:docMk/>
            <pc:sldMk cId="1158557512" sldId="816"/>
            <ac:spMk id="43" creationId="{D9ACFA28-A4E1-4BD6-3C6B-EBDD65929553}"/>
          </ac:spMkLst>
        </pc:spChg>
        <pc:grpChg chg="add mod">
          <ac:chgData name="Stachl, Clemens" userId="c0094708-3af3-40cb-988b-a2e4b839b8f7" providerId="ADAL" clId="{4A3DEA1E-4735-0A46-9EE9-E4866D52B39F}" dt="2022-05-16T14:40:54.054" v="615" actId="1076"/>
          <ac:grpSpMkLst>
            <pc:docMk/>
            <pc:sldMk cId="1158557512" sldId="816"/>
            <ac:grpSpMk id="18" creationId="{00C45671-BF62-C0A2-914C-D99A3651226B}"/>
          </ac:grpSpMkLst>
        </pc:grpChg>
        <pc:cxnChg chg="add mod">
          <ac:chgData name="Stachl, Clemens" userId="c0094708-3af3-40cb-988b-a2e4b839b8f7" providerId="ADAL" clId="{4A3DEA1E-4735-0A46-9EE9-E4866D52B39F}" dt="2022-05-16T15:48:24.167" v="1799" actId="1036"/>
          <ac:cxnSpMkLst>
            <pc:docMk/>
            <pc:sldMk cId="1158557512" sldId="816"/>
            <ac:cxnSpMk id="14" creationId="{05D1E924-CB02-62B4-F027-50FBAE827114}"/>
          </ac:cxnSpMkLst>
        </pc:cxnChg>
        <pc:cxnChg chg="add mod">
          <ac:chgData name="Stachl, Clemens" userId="c0094708-3af3-40cb-988b-a2e4b839b8f7" providerId="ADAL" clId="{4A3DEA1E-4735-0A46-9EE9-E4866D52B39F}" dt="2022-05-16T15:48:24.167" v="1799" actId="1036"/>
          <ac:cxnSpMkLst>
            <pc:docMk/>
            <pc:sldMk cId="1158557512" sldId="816"/>
            <ac:cxnSpMk id="15" creationId="{40625276-676E-4578-2ED7-99B67701A1B7}"/>
          </ac:cxnSpMkLst>
        </pc:cxnChg>
        <pc:cxnChg chg="add mod">
          <ac:chgData name="Stachl, Clemens" userId="c0094708-3af3-40cb-988b-a2e4b839b8f7" providerId="ADAL" clId="{4A3DEA1E-4735-0A46-9EE9-E4866D52B39F}" dt="2022-05-16T15:48:24.167" v="1799" actId="1036"/>
          <ac:cxnSpMkLst>
            <pc:docMk/>
            <pc:sldMk cId="1158557512" sldId="816"/>
            <ac:cxnSpMk id="21" creationId="{03B81FDF-2743-E1C4-37EB-8EDAAC4D3DFE}"/>
          </ac:cxnSpMkLst>
        </pc:cxnChg>
        <pc:cxnChg chg="add mod">
          <ac:chgData name="Stachl, Clemens" userId="c0094708-3af3-40cb-988b-a2e4b839b8f7" providerId="ADAL" clId="{4A3DEA1E-4735-0A46-9EE9-E4866D52B39F}" dt="2022-05-16T15:48:24.167" v="1799" actId="1036"/>
          <ac:cxnSpMkLst>
            <pc:docMk/>
            <pc:sldMk cId="1158557512" sldId="816"/>
            <ac:cxnSpMk id="23" creationId="{72C37B83-3CA6-7FD6-FC59-53D44FDFE743}"/>
          </ac:cxnSpMkLst>
        </pc:cxnChg>
        <pc:cxnChg chg="add mod">
          <ac:chgData name="Stachl, Clemens" userId="c0094708-3af3-40cb-988b-a2e4b839b8f7" providerId="ADAL" clId="{4A3DEA1E-4735-0A46-9EE9-E4866D52B39F}" dt="2022-05-16T15:48:24.167" v="1799" actId="1036"/>
          <ac:cxnSpMkLst>
            <pc:docMk/>
            <pc:sldMk cId="1158557512" sldId="816"/>
            <ac:cxnSpMk id="40" creationId="{CF745A6F-E444-1831-B6C2-A545122C2316}"/>
          </ac:cxnSpMkLst>
        </pc:cxnChg>
      </pc:sldChg>
      <pc:sldChg chg="addSp delSp modSp add mod">
        <pc:chgData name="Stachl, Clemens" userId="c0094708-3af3-40cb-988b-a2e4b839b8f7" providerId="ADAL" clId="{4A3DEA1E-4735-0A46-9EE9-E4866D52B39F}" dt="2022-05-16T16:06:27.488" v="2441" actId="207"/>
        <pc:sldMkLst>
          <pc:docMk/>
          <pc:sldMk cId="3349583587" sldId="817"/>
        </pc:sldMkLst>
        <pc:spChg chg="mod">
          <ac:chgData name="Stachl, Clemens" userId="c0094708-3af3-40cb-988b-a2e4b839b8f7" providerId="ADAL" clId="{4A3DEA1E-4735-0A46-9EE9-E4866D52B39F}" dt="2022-05-16T15:14:26.357" v="1490" actId="20577"/>
          <ac:spMkLst>
            <pc:docMk/>
            <pc:sldMk cId="3349583587" sldId="817"/>
            <ac:spMk id="2" creationId="{AE1BE45B-27F9-0D2E-2A9E-05DA21A9DE93}"/>
          </ac:spMkLst>
        </pc:spChg>
        <pc:spChg chg="mod">
          <ac:chgData name="Stachl, Clemens" userId="c0094708-3af3-40cb-988b-a2e4b839b8f7" providerId="ADAL" clId="{4A3DEA1E-4735-0A46-9EE9-E4866D52B39F}" dt="2022-05-16T15:53:09.710" v="1906" actId="20577"/>
          <ac:spMkLst>
            <pc:docMk/>
            <pc:sldMk cId="3349583587" sldId="817"/>
            <ac:spMk id="5" creationId="{A30EFF8A-724A-1443-5EBF-75BEE7AF20E8}"/>
          </ac:spMkLst>
        </pc:spChg>
        <pc:spChg chg="mod">
          <ac:chgData name="Stachl, Clemens" userId="c0094708-3af3-40cb-988b-a2e4b839b8f7" providerId="ADAL" clId="{4A3DEA1E-4735-0A46-9EE9-E4866D52B39F}" dt="2022-05-16T16:06:27.488" v="2441" actId="207"/>
          <ac:spMkLst>
            <pc:docMk/>
            <pc:sldMk cId="3349583587" sldId="817"/>
            <ac:spMk id="6" creationId="{65362586-5508-0AC9-1250-F213051CB464}"/>
          </ac:spMkLst>
        </pc:spChg>
        <pc:spChg chg="mod">
          <ac:chgData name="Stachl, Clemens" userId="c0094708-3af3-40cb-988b-a2e4b839b8f7" providerId="ADAL" clId="{4A3DEA1E-4735-0A46-9EE9-E4866D52B39F}" dt="2022-05-16T16:06:27.488" v="2441" actId="207"/>
          <ac:spMkLst>
            <pc:docMk/>
            <pc:sldMk cId="3349583587" sldId="817"/>
            <ac:spMk id="7" creationId="{F42185A9-22A7-C252-9DE0-D8520DE7EC6D}"/>
          </ac:spMkLst>
        </pc:spChg>
        <pc:spChg chg="del">
          <ac:chgData name="Stachl, Clemens" userId="c0094708-3af3-40cb-988b-a2e4b839b8f7" providerId="ADAL" clId="{4A3DEA1E-4735-0A46-9EE9-E4866D52B39F}" dt="2022-05-16T15:11:43.193" v="1412" actId="478"/>
          <ac:spMkLst>
            <pc:docMk/>
            <pc:sldMk cId="3349583587" sldId="817"/>
            <ac:spMk id="9" creationId="{C45C66E7-8B10-00C4-ECF4-0238C40A342B}"/>
          </ac:spMkLst>
        </pc:spChg>
        <pc:spChg chg="del">
          <ac:chgData name="Stachl, Clemens" userId="c0094708-3af3-40cb-988b-a2e4b839b8f7" providerId="ADAL" clId="{4A3DEA1E-4735-0A46-9EE9-E4866D52B39F}" dt="2022-05-16T15:11:43.193" v="1412" actId="478"/>
          <ac:spMkLst>
            <pc:docMk/>
            <pc:sldMk cId="3349583587" sldId="817"/>
            <ac:spMk id="10" creationId="{3F2E10F0-8B38-91E8-4A5F-760A366A796B}"/>
          </ac:spMkLst>
        </pc:spChg>
        <pc:spChg chg="del">
          <ac:chgData name="Stachl, Clemens" userId="c0094708-3af3-40cb-988b-a2e4b839b8f7" providerId="ADAL" clId="{4A3DEA1E-4735-0A46-9EE9-E4866D52B39F}" dt="2022-05-16T15:11:43.193" v="1412" actId="478"/>
          <ac:spMkLst>
            <pc:docMk/>
            <pc:sldMk cId="3349583587" sldId="817"/>
            <ac:spMk id="11" creationId="{92AA03CD-14C5-E2C0-B299-827855ACD80D}"/>
          </ac:spMkLst>
        </pc:spChg>
        <pc:spChg chg="del">
          <ac:chgData name="Stachl, Clemens" userId="c0094708-3af3-40cb-988b-a2e4b839b8f7" providerId="ADAL" clId="{4A3DEA1E-4735-0A46-9EE9-E4866D52B39F}" dt="2022-05-16T15:11:43.193" v="1412" actId="478"/>
          <ac:spMkLst>
            <pc:docMk/>
            <pc:sldMk cId="3349583587" sldId="817"/>
            <ac:spMk id="12" creationId="{087CE178-A36E-5A12-3AF4-BB7D7F6FA220}"/>
          </ac:spMkLst>
        </pc:spChg>
        <pc:spChg chg="del">
          <ac:chgData name="Stachl, Clemens" userId="c0094708-3af3-40cb-988b-a2e4b839b8f7" providerId="ADAL" clId="{4A3DEA1E-4735-0A46-9EE9-E4866D52B39F}" dt="2022-05-16T15:11:43.193" v="1412" actId="478"/>
          <ac:spMkLst>
            <pc:docMk/>
            <pc:sldMk cId="3349583587" sldId="817"/>
            <ac:spMk id="19" creationId="{53A32B8D-D768-AA7C-D48A-A6054887477C}"/>
          </ac:spMkLst>
        </pc:spChg>
        <pc:spChg chg="del">
          <ac:chgData name="Stachl, Clemens" userId="c0094708-3af3-40cb-988b-a2e4b839b8f7" providerId="ADAL" clId="{4A3DEA1E-4735-0A46-9EE9-E4866D52B39F}" dt="2022-05-16T15:11:43.193" v="1412" actId="478"/>
          <ac:spMkLst>
            <pc:docMk/>
            <pc:sldMk cId="3349583587" sldId="817"/>
            <ac:spMk id="20" creationId="{38819AA7-D1BC-0B76-AB90-A5E58A809864}"/>
          </ac:spMkLst>
        </pc:spChg>
        <pc:spChg chg="del">
          <ac:chgData name="Stachl, Clemens" userId="c0094708-3af3-40cb-988b-a2e4b839b8f7" providerId="ADAL" clId="{4A3DEA1E-4735-0A46-9EE9-E4866D52B39F}" dt="2022-05-16T15:11:43.193" v="1412" actId="478"/>
          <ac:spMkLst>
            <pc:docMk/>
            <pc:sldMk cId="3349583587" sldId="817"/>
            <ac:spMk id="22" creationId="{4897F05B-2D9F-DB95-72E9-EADDE50007B2}"/>
          </ac:spMkLst>
        </pc:spChg>
        <pc:spChg chg="del">
          <ac:chgData name="Stachl, Clemens" userId="c0094708-3af3-40cb-988b-a2e4b839b8f7" providerId="ADAL" clId="{4A3DEA1E-4735-0A46-9EE9-E4866D52B39F}" dt="2022-05-16T15:11:43.193" v="1412" actId="478"/>
          <ac:spMkLst>
            <pc:docMk/>
            <pc:sldMk cId="3349583587" sldId="817"/>
            <ac:spMk id="33" creationId="{0A3CBB17-0952-9C5E-DE4B-9AD7EC49D02A}"/>
          </ac:spMkLst>
        </pc:spChg>
        <pc:spChg chg="del">
          <ac:chgData name="Stachl, Clemens" userId="c0094708-3af3-40cb-988b-a2e4b839b8f7" providerId="ADAL" clId="{4A3DEA1E-4735-0A46-9EE9-E4866D52B39F}" dt="2022-05-16T15:11:43.193" v="1412" actId="478"/>
          <ac:spMkLst>
            <pc:docMk/>
            <pc:sldMk cId="3349583587" sldId="817"/>
            <ac:spMk id="34" creationId="{814EDC4F-DDD6-97E3-58D8-0C8F97383B07}"/>
          </ac:spMkLst>
        </pc:spChg>
        <pc:spChg chg="del">
          <ac:chgData name="Stachl, Clemens" userId="c0094708-3af3-40cb-988b-a2e4b839b8f7" providerId="ADAL" clId="{4A3DEA1E-4735-0A46-9EE9-E4866D52B39F}" dt="2022-05-16T15:11:43.193" v="1412" actId="478"/>
          <ac:spMkLst>
            <pc:docMk/>
            <pc:sldMk cId="3349583587" sldId="817"/>
            <ac:spMk id="35" creationId="{A9B79024-64C2-31EC-B809-210B34796017}"/>
          </ac:spMkLst>
        </pc:spChg>
        <pc:spChg chg="add mod">
          <ac:chgData name="Stachl, Clemens" userId="c0094708-3af3-40cb-988b-a2e4b839b8f7" providerId="ADAL" clId="{4A3DEA1E-4735-0A46-9EE9-E4866D52B39F}" dt="2022-05-16T15:54:14.822" v="1920" actId="1076"/>
          <ac:spMkLst>
            <pc:docMk/>
            <pc:sldMk cId="3349583587" sldId="817"/>
            <ac:spMk id="48" creationId="{4FEE3F89-D0E4-CE79-9EB9-A41D3B3B50CA}"/>
          </ac:spMkLst>
        </pc:spChg>
        <pc:spChg chg="add mod">
          <ac:chgData name="Stachl, Clemens" userId="c0094708-3af3-40cb-988b-a2e4b839b8f7" providerId="ADAL" clId="{4A3DEA1E-4735-0A46-9EE9-E4866D52B39F}" dt="2022-05-16T15:51:44.922" v="1848" actId="1076"/>
          <ac:spMkLst>
            <pc:docMk/>
            <pc:sldMk cId="3349583587" sldId="817"/>
            <ac:spMk id="50" creationId="{C5738C68-D492-F1CB-53C1-3506034A6B53}"/>
          </ac:spMkLst>
        </pc:spChg>
        <pc:spChg chg="add mod">
          <ac:chgData name="Stachl, Clemens" userId="c0094708-3af3-40cb-988b-a2e4b839b8f7" providerId="ADAL" clId="{4A3DEA1E-4735-0A46-9EE9-E4866D52B39F}" dt="2022-05-16T15:54:32.748" v="1921" actId="1076"/>
          <ac:spMkLst>
            <pc:docMk/>
            <pc:sldMk cId="3349583587" sldId="817"/>
            <ac:spMk id="51" creationId="{ECFFE5F3-9A14-AE68-48D8-FB47F97C23E2}"/>
          </ac:spMkLst>
        </pc:spChg>
        <pc:spChg chg="add mod">
          <ac:chgData name="Stachl, Clemens" userId="c0094708-3af3-40cb-988b-a2e4b839b8f7" providerId="ADAL" clId="{4A3DEA1E-4735-0A46-9EE9-E4866D52B39F}" dt="2022-05-16T16:05:55.864" v="2439" actId="692"/>
          <ac:spMkLst>
            <pc:docMk/>
            <pc:sldMk cId="3349583587" sldId="817"/>
            <ac:spMk id="53" creationId="{9BA1717D-6B35-B6BC-7F54-4EC8920C163E}"/>
          </ac:spMkLst>
        </pc:spChg>
        <pc:spChg chg="add mod">
          <ac:chgData name="Stachl, Clemens" userId="c0094708-3af3-40cb-988b-a2e4b839b8f7" providerId="ADAL" clId="{4A3DEA1E-4735-0A46-9EE9-E4866D52B39F}" dt="2022-05-16T15:52:17.244" v="1868" actId="20577"/>
          <ac:spMkLst>
            <pc:docMk/>
            <pc:sldMk cId="3349583587" sldId="817"/>
            <ac:spMk id="66" creationId="{EDF83AA8-AC98-2BB5-DE9B-20215BA00BE6}"/>
          </ac:spMkLst>
        </pc:spChg>
        <pc:grpChg chg="mod">
          <ac:chgData name="Stachl, Clemens" userId="c0094708-3af3-40cb-988b-a2e4b839b8f7" providerId="ADAL" clId="{4A3DEA1E-4735-0A46-9EE9-E4866D52B39F}" dt="2022-05-16T15:11:47.902" v="1413" actId="1076"/>
          <ac:grpSpMkLst>
            <pc:docMk/>
            <pc:sldMk cId="3349583587" sldId="817"/>
            <ac:grpSpMk id="18" creationId="{00C45671-BF62-C0A2-914C-D99A3651226B}"/>
          </ac:grpSpMkLst>
        </pc:grpChg>
        <pc:cxnChg chg="add mod">
          <ac:chgData name="Stachl, Clemens" userId="c0094708-3af3-40cb-988b-a2e4b839b8f7" providerId="ADAL" clId="{4A3DEA1E-4735-0A46-9EE9-E4866D52B39F}" dt="2022-05-16T15:54:36.193" v="1922" actId="14100"/>
          <ac:cxnSpMkLst>
            <pc:docMk/>
            <pc:sldMk cId="3349583587" sldId="817"/>
            <ac:cxnSpMk id="4" creationId="{EBD79F9E-0FA9-07A7-FA5B-C5CFA92D09D0}"/>
          </ac:cxnSpMkLst>
        </pc:cxnChg>
        <pc:cxnChg chg="del mod">
          <ac:chgData name="Stachl, Clemens" userId="c0094708-3af3-40cb-988b-a2e4b839b8f7" providerId="ADAL" clId="{4A3DEA1E-4735-0A46-9EE9-E4866D52B39F}" dt="2022-05-16T15:11:43.193" v="1412" actId="478"/>
          <ac:cxnSpMkLst>
            <pc:docMk/>
            <pc:sldMk cId="3349583587" sldId="817"/>
            <ac:cxnSpMk id="14" creationId="{05D1E924-CB02-62B4-F027-50FBAE827114}"/>
          </ac:cxnSpMkLst>
        </pc:cxnChg>
        <pc:cxnChg chg="del mod">
          <ac:chgData name="Stachl, Clemens" userId="c0094708-3af3-40cb-988b-a2e4b839b8f7" providerId="ADAL" clId="{4A3DEA1E-4735-0A46-9EE9-E4866D52B39F}" dt="2022-05-16T15:11:43.193" v="1412" actId="478"/>
          <ac:cxnSpMkLst>
            <pc:docMk/>
            <pc:sldMk cId="3349583587" sldId="817"/>
            <ac:cxnSpMk id="15" creationId="{40625276-676E-4578-2ED7-99B67701A1B7}"/>
          </ac:cxnSpMkLst>
        </pc:cxnChg>
        <pc:cxnChg chg="del mod">
          <ac:chgData name="Stachl, Clemens" userId="c0094708-3af3-40cb-988b-a2e4b839b8f7" providerId="ADAL" clId="{4A3DEA1E-4735-0A46-9EE9-E4866D52B39F}" dt="2022-05-16T15:11:43.193" v="1412" actId="478"/>
          <ac:cxnSpMkLst>
            <pc:docMk/>
            <pc:sldMk cId="3349583587" sldId="817"/>
            <ac:cxnSpMk id="21" creationId="{03B81FDF-2743-E1C4-37EB-8EDAAC4D3DFE}"/>
          </ac:cxnSpMkLst>
        </pc:cxnChg>
        <pc:cxnChg chg="del mod">
          <ac:chgData name="Stachl, Clemens" userId="c0094708-3af3-40cb-988b-a2e4b839b8f7" providerId="ADAL" clId="{4A3DEA1E-4735-0A46-9EE9-E4866D52B39F}" dt="2022-05-16T15:11:43.193" v="1412" actId="478"/>
          <ac:cxnSpMkLst>
            <pc:docMk/>
            <pc:sldMk cId="3349583587" sldId="817"/>
            <ac:cxnSpMk id="23" creationId="{72C37B83-3CA6-7FD6-FC59-53D44FDFE743}"/>
          </ac:cxnSpMkLst>
        </pc:cxnChg>
        <pc:cxnChg chg="add del mod">
          <ac:chgData name="Stachl, Clemens" userId="c0094708-3af3-40cb-988b-a2e4b839b8f7" providerId="ADAL" clId="{4A3DEA1E-4735-0A46-9EE9-E4866D52B39F}" dt="2022-05-16T15:12:46.656" v="1441" actId="478"/>
          <ac:cxnSpMkLst>
            <pc:docMk/>
            <pc:sldMk cId="3349583587" sldId="817"/>
            <ac:cxnSpMk id="25" creationId="{4C4C6343-1326-667B-C23D-77F87437B170}"/>
          </ac:cxnSpMkLst>
        </pc:cxnChg>
        <pc:cxnChg chg="add mod">
          <ac:chgData name="Stachl, Clemens" userId="c0094708-3af3-40cb-988b-a2e4b839b8f7" providerId="ADAL" clId="{4A3DEA1E-4735-0A46-9EE9-E4866D52B39F}" dt="2022-05-16T15:54:11.064" v="1919" actId="14100"/>
          <ac:cxnSpMkLst>
            <pc:docMk/>
            <pc:sldMk cId="3349583587" sldId="817"/>
            <ac:cxnSpMk id="28" creationId="{0EC5B010-58E0-0424-84F4-5218A89D573B}"/>
          </ac:cxnSpMkLst>
        </pc:cxnChg>
        <pc:cxnChg chg="add del mod">
          <ac:chgData name="Stachl, Clemens" userId="c0094708-3af3-40cb-988b-a2e4b839b8f7" providerId="ADAL" clId="{4A3DEA1E-4735-0A46-9EE9-E4866D52B39F}" dt="2022-05-16T15:13:36.050" v="1458" actId="478"/>
          <ac:cxnSpMkLst>
            <pc:docMk/>
            <pc:sldMk cId="3349583587" sldId="817"/>
            <ac:cxnSpMk id="36" creationId="{092A9A9A-EDCF-4458-6C57-B3556C35D22A}"/>
          </ac:cxnSpMkLst>
        </pc:cxnChg>
        <pc:cxnChg chg="add del mod">
          <ac:chgData name="Stachl, Clemens" userId="c0094708-3af3-40cb-988b-a2e4b839b8f7" providerId="ADAL" clId="{4A3DEA1E-4735-0A46-9EE9-E4866D52B39F}" dt="2022-05-16T15:14:16.081" v="1467" actId="478"/>
          <ac:cxnSpMkLst>
            <pc:docMk/>
            <pc:sldMk cId="3349583587" sldId="817"/>
            <ac:cxnSpMk id="40" creationId="{EB815D21-30F1-58CE-5356-1102FC30769C}"/>
          </ac:cxnSpMkLst>
        </pc:cxnChg>
        <pc:cxnChg chg="mod">
          <ac:chgData name="Stachl, Clemens" userId="c0094708-3af3-40cb-988b-a2e4b839b8f7" providerId="ADAL" clId="{4A3DEA1E-4735-0A46-9EE9-E4866D52B39F}" dt="2022-05-16T15:49:51.296" v="1830" actId="692"/>
          <ac:cxnSpMkLst>
            <pc:docMk/>
            <pc:sldMk cId="3349583587" sldId="817"/>
            <ac:cxnSpMk id="47" creationId="{DCD53FA1-36D9-654B-B886-D7724EF3A560}"/>
          </ac:cxnSpMkLst>
        </pc:cxnChg>
        <pc:cxnChg chg="add del mod">
          <ac:chgData name="Stachl, Clemens" userId="c0094708-3af3-40cb-988b-a2e4b839b8f7" providerId="ADAL" clId="{4A3DEA1E-4735-0A46-9EE9-E4866D52B39F}" dt="2022-05-16T15:51:15.362" v="1841" actId="478"/>
          <ac:cxnSpMkLst>
            <pc:docMk/>
            <pc:sldMk cId="3349583587" sldId="817"/>
            <ac:cxnSpMk id="52" creationId="{9567DDF0-0626-3C5E-3F63-6E5A8CA0F21B}"/>
          </ac:cxnSpMkLst>
        </pc:cxnChg>
        <pc:cxnChg chg="add mod">
          <ac:chgData name="Stachl, Clemens" userId="c0094708-3af3-40cb-988b-a2e4b839b8f7" providerId="ADAL" clId="{4A3DEA1E-4735-0A46-9EE9-E4866D52B39F}" dt="2022-05-16T15:54:55.470" v="1924" actId="14100"/>
          <ac:cxnSpMkLst>
            <pc:docMk/>
            <pc:sldMk cId="3349583587" sldId="817"/>
            <ac:cxnSpMk id="57" creationId="{BE387A61-BC52-0397-81C3-B5B01D3A74F4}"/>
          </ac:cxnSpMkLst>
        </pc:cxnChg>
      </pc:sldChg>
      <pc:sldChg chg="modSp new mod">
        <pc:chgData name="Stachl, Clemens" userId="c0094708-3af3-40cb-988b-a2e4b839b8f7" providerId="ADAL" clId="{4A3DEA1E-4735-0A46-9EE9-E4866D52B39F}" dt="2022-05-16T16:07:29.014" v="2456" actId="20577"/>
        <pc:sldMkLst>
          <pc:docMk/>
          <pc:sldMk cId="3280884063" sldId="818"/>
        </pc:sldMkLst>
        <pc:spChg chg="mod">
          <ac:chgData name="Stachl, Clemens" userId="c0094708-3af3-40cb-988b-a2e4b839b8f7" providerId="ADAL" clId="{4A3DEA1E-4735-0A46-9EE9-E4866D52B39F}" dt="2022-05-16T16:07:29.014" v="2456" actId="20577"/>
          <ac:spMkLst>
            <pc:docMk/>
            <pc:sldMk cId="3280884063" sldId="818"/>
            <ac:spMk id="2" creationId="{60C5BF39-8194-E84D-8219-7F2FDED135F0}"/>
          </ac:spMkLst>
        </pc:spChg>
      </pc:sldChg>
      <pc:sldChg chg="modSp mod">
        <pc:chgData name="Stachl, Clemens" userId="c0094708-3af3-40cb-988b-a2e4b839b8f7" providerId="ADAL" clId="{4A3DEA1E-4735-0A46-9EE9-E4866D52B39F}" dt="2022-05-16T16:13:12.410" v="2576" actId="1076"/>
        <pc:sldMkLst>
          <pc:docMk/>
          <pc:sldMk cId="1861690961" sldId="819"/>
        </pc:sldMkLst>
        <pc:spChg chg="mod">
          <ac:chgData name="Stachl, Clemens" userId="c0094708-3af3-40cb-988b-a2e4b839b8f7" providerId="ADAL" clId="{4A3DEA1E-4735-0A46-9EE9-E4866D52B39F}" dt="2022-05-16T16:13:12.410" v="2576" actId="1076"/>
          <ac:spMkLst>
            <pc:docMk/>
            <pc:sldMk cId="1861690961" sldId="819"/>
            <ac:spMk id="2" creationId="{E94B0BCA-4F5F-4013-85EF-9B92FCD581B6}"/>
          </ac:spMkLst>
        </pc:spChg>
        <pc:spChg chg="mod">
          <ac:chgData name="Stachl, Clemens" userId="c0094708-3af3-40cb-988b-a2e4b839b8f7" providerId="ADAL" clId="{4A3DEA1E-4735-0A46-9EE9-E4866D52B39F}" dt="2022-05-16T16:12:59.585" v="2575" actId="20577"/>
          <ac:spMkLst>
            <pc:docMk/>
            <pc:sldMk cId="1861690961" sldId="819"/>
            <ac:spMk id="3" creationId="{B3A452BF-BC7E-4241-8028-121E88C1F22B}"/>
          </ac:spMkLst>
        </pc:spChg>
      </pc:sldChg>
    </pc:docChg>
  </pc:docChgLst>
  <pc:docChgLst>
    <pc:chgData name="Aluffi, Pietro" userId="810df28b-0e6a-47dc-86dd-8f68aed2c426" providerId="ADAL" clId="{40696A6E-4A7F-E443-856C-D716A3E160E2}"/>
    <pc:docChg chg="undo redo custSel addSld delSld modSld sldOrd">
      <pc:chgData name="Aluffi, Pietro" userId="810df28b-0e6a-47dc-86dd-8f68aed2c426" providerId="ADAL" clId="{40696A6E-4A7F-E443-856C-D716A3E160E2}" dt="2023-05-08T20:49:42.631" v="3172" actId="113"/>
      <pc:docMkLst>
        <pc:docMk/>
      </pc:docMkLst>
      <pc:sldChg chg="addSp delSp modSp mod setBg modClrScheme chgLayout">
        <pc:chgData name="Aluffi, Pietro" userId="810df28b-0e6a-47dc-86dd-8f68aed2c426" providerId="ADAL" clId="{40696A6E-4A7F-E443-856C-D716A3E160E2}" dt="2023-05-08T09:21:41.358" v="2918"/>
        <pc:sldMkLst>
          <pc:docMk/>
          <pc:sldMk cId="1027030971" sldId="260"/>
        </pc:sldMkLst>
        <pc:spChg chg="mod">
          <ac:chgData name="Aluffi, Pietro" userId="810df28b-0e6a-47dc-86dd-8f68aed2c426" providerId="ADAL" clId="{40696A6E-4A7F-E443-856C-D716A3E160E2}" dt="2023-05-07T19:53:10.757" v="2411" actId="26606"/>
          <ac:spMkLst>
            <pc:docMk/>
            <pc:sldMk cId="1027030971" sldId="260"/>
            <ac:spMk id="2" creationId="{E94B0BCA-4F5F-4013-85EF-9B92FCD581B6}"/>
          </ac:spMkLst>
        </pc:spChg>
        <pc:spChg chg="mod">
          <ac:chgData name="Aluffi, Pietro" userId="810df28b-0e6a-47dc-86dd-8f68aed2c426" providerId="ADAL" clId="{40696A6E-4A7F-E443-856C-D716A3E160E2}" dt="2023-05-07T19:53:10.757" v="2411" actId="26606"/>
          <ac:spMkLst>
            <pc:docMk/>
            <pc:sldMk cId="1027030971" sldId="260"/>
            <ac:spMk id="3" creationId="{B3A452BF-BC7E-4241-8028-121E88C1F22B}"/>
          </ac:spMkLst>
        </pc:spChg>
        <pc:picChg chg="add del mod">
          <ac:chgData name="Aluffi, Pietro" userId="810df28b-0e6a-47dc-86dd-8f68aed2c426" providerId="ADAL" clId="{40696A6E-4A7F-E443-856C-D716A3E160E2}" dt="2023-05-07T19:52:05.630" v="2409" actId="478"/>
          <ac:picMkLst>
            <pc:docMk/>
            <pc:sldMk cId="1027030971" sldId="260"/>
            <ac:picMk id="4" creationId="{3D11141C-2C17-EB35-7B8E-5A0A1422FB54}"/>
          </ac:picMkLst>
        </pc:picChg>
        <pc:picChg chg="add mod">
          <ac:chgData name="Aluffi, Pietro" userId="810df28b-0e6a-47dc-86dd-8f68aed2c426" providerId="ADAL" clId="{40696A6E-4A7F-E443-856C-D716A3E160E2}" dt="2023-05-07T19:54:58.613" v="2524" actId="14100"/>
          <ac:picMkLst>
            <pc:docMk/>
            <pc:sldMk cId="1027030971" sldId="260"/>
            <ac:picMk id="6" creationId="{A78C4F1D-E9F0-6B49-3316-248B4837F5B2}"/>
          </ac:picMkLst>
        </pc:picChg>
        <pc:picChg chg="add del">
          <ac:chgData name="Aluffi, Pietro" userId="810df28b-0e6a-47dc-86dd-8f68aed2c426" providerId="ADAL" clId="{40696A6E-4A7F-E443-856C-D716A3E160E2}" dt="2023-05-07T19:53:10.757" v="2411" actId="26606"/>
          <ac:picMkLst>
            <pc:docMk/>
            <pc:sldMk cId="1027030971" sldId="260"/>
            <ac:picMk id="7" creationId="{94DA3C80-5F90-C8D4-4F63-E44780D1FAF1}"/>
          </ac:picMkLst>
        </pc:picChg>
        <pc:picChg chg="add mod">
          <ac:chgData name="Aluffi, Pietro" userId="810df28b-0e6a-47dc-86dd-8f68aed2c426" providerId="ADAL" clId="{40696A6E-4A7F-E443-856C-D716A3E160E2}" dt="2023-05-08T09:21:41.358" v="2918"/>
          <ac:picMkLst>
            <pc:docMk/>
            <pc:sldMk cId="1027030971" sldId="260"/>
            <ac:picMk id="8" creationId="{429FDC6D-9109-E28B-1BA3-DCF38B0F894A}"/>
          </ac:picMkLst>
        </pc:picChg>
      </pc:sldChg>
      <pc:sldChg chg="modSp mod">
        <pc:chgData name="Aluffi, Pietro" userId="810df28b-0e6a-47dc-86dd-8f68aed2c426" providerId="ADAL" clId="{40696A6E-4A7F-E443-856C-D716A3E160E2}" dt="2023-05-06T14:00:53.748" v="1176" actId="1076"/>
        <pc:sldMkLst>
          <pc:docMk/>
          <pc:sldMk cId="4241145401" sldId="839"/>
        </pc:sldMkLst>
        <pc:spChg chg="mod">
          <ac:chgData name="Aluffi, Pietro" userId="810df28b-0e6a-47dc-86dd-8f68aed2c426" providerId="ADAL" clId="{40696A6E-4A7F-E443-856C-D716A3E160E2}" dt="2023-05-06T14:00:22.817" v="1166" actId="1076"/>
          <ac:spMkLst>
            <pc:docMk/>
            <pc:sldMk cId="4241145401" sldId="839"/>
            <ac:spMk id="2" creationId="{AFE34C7F-346D-4632-A718-477C9B221782}"/>
          </ac:spMkLst>
        </pc:spChg>
        <pc:spChg chg="mod">
          <ac:chgData name="Aluffi, Pietro" userId="810df28b-0e6a-47dc-86dd-8f68aed2c426" providerId="ADAL" clId="{40696A6E-4A7F-E443-856C-D716A3E160E2}" dt="2023-05-06T14:00:53.748" v="1176" actId="1076"/>
          <ac:spMkLst>
            <pc:docMk/>
            <pc:sldMk cId="4241145401" sldId="839"/>
            <ac:spMk id="8" creationId="{85BB8DD6-DE75-CD0E-D308-D086E4F79BCB}"/>
          </ac:spMkLst>
        </pc:spChg>
        <pc:spChg chg="mod">
          <ac:chgData name="Aluffi, Pietro" userId="810df28b-0e6a-47dc-86dd-8f68aed2c426" providerId="ADAL" clId="{40696A6E-4A7F-E443-856C-D716A3E160E2}" dt="2023-05-06T14:00:53.748" v="1176" actId="1076"/>
          <ac:spMkLst>
            <pc:docMk/>
            <pc:sldMk cId="4241145401" sldId="839"/>
            <ac:spMk id="9" creationId="{A073DF3E-07DE-0FA4-D498-3CB983517CD5}"/>
          </ac:spMkLst>
        </pc:spChg>
        <pc:spChg chg="mod">
          <ac:chgData name="Aluffi, Pietro" userId="810df28b-0e6a-47dc-86dd-8f68aed2c426" providerId="ADAL" clId="{40696A6E-4A7F-E443-856C-D716A3E160E2}" dt="2023-05-06T14:00:53.748" v="1176" actId="1076"/>
          <ac:spMkLst>
            <pc:docMk/>
            <pc:sldMk cId="4241145401" sldId="839"/>
            <ac:spMk id="21" creationId="{69A6C58D-2690-7DE3-9113-678672EAE371}"/>
          </ac:spMkLst>
        </pc:spChg>
        <pc:spChg chg="mod">
          <ac:chgData name="Aluffi, Pietro" userId="810df28b-0e6a-47dc-86dd-8f68aed2c426" providerId="ADAL" clId="{40696A6E-4A7F-E443-856C-D716A3E160E2}" dt="2023-05-06T14:00:53.748" v="1176" actId="1076"/>
          <ac:spMkLst>
            <pc:docMk/>
            <pc:sldMk cId="4241145401" sldId="839"/>
            <ac:spMk id="22" creationId="{84BC72F2-5DC1-6F4E-8A0A-F73A3E7BDE49}"/>
          </ac:spMkLst>
        </pc:spChg>
        <pc:grpChg chg="mod">
          <ac:chgData name="Aluffi, Pietro" userId="810df28b-0e6a-47dc-86dd-8f68aed2c426" providerId="ADAL" clId="{40696A6E-4A7F-E443-856C-D716A3E160E2}" dt="2023-05-06T14:00:53.748" v="1176" actId="1076"/>
          <ac:grpSpMkLst>
            <pc:docMk/>
            <pc:sldMk cId="4241145401" sldId="839"/>
            <ac:grpSpMk id="23" creationId="{545D67E7-1450-58D0-53B1-7AF57982FF81}"/>
          </ac:grpSpMkLst>
        </pc:grpChg>
        <pc:picChg chg="mod">
          <ac:chgData name="Aluffi, Pietro" userId="810df28b-0e6a-47dc-86dd-8f68aed2c426" providerId="ADAL" clId="{40696A6E-4A7F-E443-856C-D716A3E160E2}" dt="2023-05-06T14:00:53.748" v="1176" actId="1076"/>
          <ac:picMkLst>
            <pc:docMk/>
            <pc:sldMk cId="4241145401" sldId="839"/>
            <ac:picMk id="20" creationId="{2E5BB1CF-04E5-B0E8-226D-354B18E348D7}"/>
          </ac:picMkLst>
        </pc:picChg>
        <pc:cxnChg chg="mod">
          <ac:chgData name="Aluffi, Pietro" userId="810df28b-0e6a-47dc-86dd-8f68aed2c426" providerId="ADAL" clId="{40696A6E-4A7F-E443-856C-D716A3E160E2}" dt="2023-05-06T14:00:53.748" v="1176" actId="1076"/>
          <ac:cxnSpMkLst>
            <pc:docMk/>
            <pc:sldMk cId="4241145401" sldId="839"/>
            <ac:cxnSpMk id="25" creationId="{DB92E622-0BBE-E201-60E3-D4CA5B2C72F5}"/>
          </ac:cxnSpMkLst>
        </pc:cxnChg>
        <pc:cxnChg chg="mod">
          <ac:chgData name="Aluffi, Pietro" userId="810df28b-0e6a-47dc-86dd-8f68aed2c426" providerId="ADAL" clId="{40696A6E-4A7F-E443-856C-D716A3E160E2}" dt="2023-05-06T14:00:53.748" v="1176" actId="1076"/>
          <ac:cxnSpMkLst>
            <pc:docMk/>
            <pc:sldMk cId="4241145401" sldId="839"/>
            <ac:cxnSpMk id="28" creationId="{B3BE81D0-0C22-720D-69F9-472409D8EFB0}"/>
          </ac:cxnSpMkLst>
        </pc:cxnChg>
        <pc:cxnChg chg="mod">
          <ac:chgData name="Aluffi, Pietro" userId="810df28b-0e6a-47dc-86dd-8f68aed2c426" providerId="ADAL" clId="{40696A6E-4A7F-E443-856C-D716A3E160E2}" dt="2023-05-06T14:00:53.748" v="1176" actId="1076"/>
          <ac:cxnSpMkLst>
            <pc:docMk/>
            <pc:sldMk cId="4241145401" sldId="839"/>
            <ac:cxnSpMk id="32" creationId="{FCFB149A-9A4A-67F2-D729-1FE396190A76}"/>
          </ac:cxnSpMkLst>
        </pc:cxnChg>
      </pc:sldChg>
      <pc:sldChg chg="modSp mod modNotesTx">
        <pc:chgData name="Aluffi, Pietro" userId="810df28b-0e6a-47dc-86dd-8f68aed2c426" providerId="ADAL" clId="{40696A6E-4A7F-E443-856C-D716A3E160E2}" dt="2023-05-07T20:25:22.790" v="2589" actId="20577"/>
        <pc:sldMkLst>
          <pc:docMk/>
          <pc:sldMk cId="2357542863" sldId="879"/>
        </pc:sldMkLst>
        <pc:spChg chg="mod">
          <ac:chgData name="Aluffi, Pietro" userId="810df28b-0e6a-47dc-86dd-8f68aed2c426" providerId="ADAL" clId="{40696A6E-4A7F-E443-856C-D716A3E160E2}" dt="2023-05-06T13:09:33.028" v="543" actId="20577"/>
          <ac:spMkLst>
            <pc:docMk/>
            <pc:sldMk cId="2357542863" sldId="879"/>
            <ac:spMk id="2" creationId="{4EF9789A-4335-4577-AF25-1CB52F39AA43}"/>
          </ac:spMkLst>
        </pc:spChg>
        <pc:spChg chg="mod">
          <ac:chgData name="Aluffi, Pietro" userId="810df28b-0e6a-47dc-86dd-8f68aed2c426" providerId="ADAL" clId="{40696A6E-4A7F-E443-856C-D716A3E160E2}" dt="2023-05-07T20:25:00.980" v="2583" actId="108"/>
          <ac:spMkLst>
            <pc:docMk/>
            <pc:sldMk cId="2357542863" sldId="879"/>
            <ac:spMk id="4" creationId="{38E79561-4FB8-C479-274F-FDD2EFCB926D}"/>
          </ac:spMkLst>
        </pc:spChg>
      </pc:sldChg>
      <pc:sldChg chg="delSp modSp mod">
        <pc:chgData name="Aluffi, Pietro" userId="810df28b-0e6a-47dc-86dd-8f68aed2c426" providerId="ADAL" clId="{40696A6E-4A7F-E443-856C-D716A3E160E2}" dt="2023-05-08T09:42:47.207" v="3030" actId="1076"/>
        <pc:sldMkLst>
          <pc:docMk/>
          <pc:sldMk cId="3903657667" sldId="894"/>
        </pc:sldMkLst>
        <pc:spChg chg="del">
          <ac:chgData name="Aluffi, Pietro" userId="810df28b-0e6a-47dc-86dd-8f68aed2c426" providerId="ADAL" clId="{40696A6E-4A7F-E443-856C-D716A3E160E2}" dt="2023-05-08T09:42:41.884" v="3029" actId="478"/>
          <ac:spMkLst>
            <pc:docMk/>
            <pc:sldMk cId="3903657667" sldId="894"/>
            <ac:spMk id="5" creationId="{B14C3A61-187D-092E-AEC0-3157116AA9C2}"/>
          </ac:spMkLst>
        </pc:spChg>
        <pc:spChg chg="mod">
          <ac:chgData name="Aluffi, Pietro" userId="810df28b-0e6a-47dc-86dd-8f68aed2c426" providerId="ADAL" clId="{40696A6E-4A7F-E443-856C-D716A3E160E2}" dt="2023-05-08T09:41:35.699" v="2955" actId="20577"/>
          <ac:spMkLst>
            <pc:docMk/>
            <pc:sldMk cId="3903657667" sldId="894"/>
            <ac:spMk id="25" creationId="{11415A15-1071-D9FD-ABEF-47A538A3F10F}"/>
          </ac:spMkLst>
        </pc:spChg>
        <pc:spChg chg="mod">
          <ac:chgData name="Aluffi, Pietro" userId="810df28b-0e6a-47dc-86dd-8f68aed2c426" providerId="ADAL" clId="{40696A6E-4A7F-E443-856C-D716A3E160E2}" dt="2023-05-08T09:41:45.365" v="2957" actId="313"/>
          <ac:spMkLst>
            <pc:docMk/>
            <pc:sldMk cId="3903657667" sldId="894"/>
            <ac:spMk id="28" creationId="{B38BFB4C-40F1-5542-3EBC-73A280B73F00}"/>
          </ac:spMkLst>
        </pc:spChg>
        <pc:spChg chg="mod">
          <ac:chgData name="Aluffi, Pietro" userId="810df28b-0e6a-47dc-86dd-8f68aed2c426" providerId="ADAL" clId="{40696A6E-4A7F-E443-856C-D716A3E160E2}" dt="2023-05-08T09:42:47.207" v="3030" actId="1076"/>
          <ac:spMkLst>
            <pc:docMk/>
            <pc:sldMk cId="3903657667" sldId="894"/>
            <ac:spMk id="33" creationId="{0A680430-ACC9-417C-A447-208596FB5D59}"/>
          </ac:spMkLst>
        </pc:spChg>
        <pc:picChg chg="mod">
          <ac:chgData name="Aluffi, Pietro" userId="810df28b-0e6a-47dc-86dd-8f68aed2c426" providerId="ADAL" clId="{40696A6E-4A7F-E443-856C-D716A3E160E2}" dt="2023-05-08T09:42:36.979" v="3028" actId="1038"/>
          <ac:picMkLst>
            <pc:docMk/>
            <pc:sldMk cId="3903657667" sldId="894"/>
            <ac:picMk id="32" creationId="{A8F469CC-5959-8112-BA58-B4C758CC38E1}"/>
          </ac:picMkLst>
        </pc:picChg>
      </pc:sldChg>
      <pc:sldChg chg="del">
        <pc:chgData name="Aluffi, Pietro" userId="810df28b-0e6a-47dc-86dd-8f68aed2c426" providerId="ADAL" clId="{40696A6E-4A7F-E443-856C-D716A3E160E2}" dt="2023-05-08T09:34:33.445" v="2919" actId="2696"/>
        <pc:sldMkLst>
          <pc:docMk/>
          <pc:sldMk cId="3242142175" sldId="906"/>
        </pc:sldMkLst>
      </pc:sldChg>
      <pc:sldChg chg="addSp delSp modSp mod modShow">
        <pc:chgData name="Aluffi, Pietro" userId="810df28b-0e6a-47dc-86dd-8f68aed2c426" providerId="ADAL" clId="{40696A6E-4A7F-E443-856C-D716A3E160E2}" dt="2023-05-05T14:11:54.725" v="448" actId="20577"/>
        <pc:sldMkLst>
          <pc:docMk/>
          <pc:sldMk cId="2070732775" sldId="911"/>
        </pc:sldMkLst>
        <pc:spChg chg="add del mod">
          <ac:chgData name="Aluffi, Pietro" userId="810df28b-0e6a-47dc-86dd-8f68aed2c426" providerId="ADAL" clId="{40696A6E-4A7F-E443-856C-D716A3E160E2}" dt="2023-05-05T14:11:31.651" v="432"/>
          <ac:spMkLst>
            <pc:docMk/>
            <pc:sldMk cId="2070732775" sldId="911"/>
            <ac:spMk id="3" creationId="{842C9CBD-C3C9-21D1-8E3B-0D7528CE3A63}"/>
          </ac:spMkLst>
        </pc:spChg>
        <pc:spChg chg="mod">
          <ac:chgData name="Aluffi, Pietro" userId="810df28b-0e6a-47dc-86dd-8f68aed2c426" providerId="ADAL" clId="{40696A6E-4A7F-E443-856C-D716A3E160E2}" dt="2023-05-05T14:11:54.725" v="448" actId="20577"/>
          <ac:spMkLst>
            <pc:docMk/>
            <pc:sldMk cId="2070732775" sldId="911"/>
            <ac:spMk id="6" creationId="{8872AB51-F9D5-0343-68C6-B577778EFC0A}"/>
          </ac:spMkLst>
        </pc:spChg>
      </pc:sldChg>
      <pc:sldChg chg="del">
        <pc:chgData name="Aluffi, Pietro" userId="810df28b-0e6a-47dc-86dd-8f68aed2c426" providerId="ADAL" clId="{40696A6E-4A7F-E443-856C-D716A3E160E2}" dt="2023-05-05T13:27:18.082" v="1" actId="2696"/>
        <pc:sldMkLst>
          <pc:docMk/>
          <pc:sldMk cId="742244758" sldId="913"/>
        </pc:sldMkLst>
      </pc:sldChg>
      <pc:sldChg chg="delSp modSp mod modNotesTx">
        <pc:chgData name="Aluffi, Pietro" userId="810df28b-0e6a-47dc-86dd-8f68aed2c426" providerId="ADAL" clId="{40696A6E-4A7F-E443-856C-D716A3E160E2}" dt="2023-05-08T09:36:55.676" v="2949" actId="20577"/>
        <pc:sldMkLst>
          <pc:docMk/>
          <pc:sldMk cId="1828430695" sldId="917"/>
        </pc:sldMkLst>
        <pc:spChg chg="mod">
          <ac:chgData name="Aluffi, Pietro" userId="810df28b-0e6a-47dc-86dd-8f68aed2c426" providerId="ADAL" clId="{40696A6E-4A7F-E443-856C-D716A3E160E2}" dt="2023-05-08T09:36:55.676" v="2949" actId="20577"/>
          <ac:spMkLst>
            <pc:docMk/>
            <pc:sldMk cId="1828430695" sldId="917"/>
            <ac:spMk id="2" creationId="{AE1BE45B-27F9-0D2E-2A9E-05DA21A9DE93}"/>
          </ac:spMkLst>
        </pc:spChg>
        <pc:spChg chg="del">
          <ac:chgData name="Aluffi, Pietro" userId="810df28b-0e6a-47dc-86dd-8f68aed2c426" providerId="ADAL" clId="{40696A6E-4A7F-E443-856C-D716A3E160E2}" dt="2023-05-05T14:13:41.415" v="464" actId="478"/>
          <ac:spMkLst>
            <pc:docMk/>
            <pc:sldMk cId="1828430695" sldId="917"/>
            <ac:spMk id="8" creationId="{60BB7770-B17E-B131-B804-A3BCCCE5FD86}"/>
          </ac:spMkLst>
        </pc:spChg>
      </pc:sldChg>
      <pc:sldChg chg="addSp delSp modSp del mod">
        <pc:chgData name="Aluffi, Pietro" userId="810df28b-0e6a-47dc-86dd-8f68aed2c426" providerId="ADAL" clId="{40696A6E-4A7F-E443-856C-D716A3E160E2}" dt="2023-05-06T14:42:37.984" v="2316" actId="2696"/>
        <pc:sldMkLst>
          <pc:docMk/>
          <pc:sldMk cId="1930342915" sldId="920"/>
        </pc:sldMkLst>
        <pc:spChg chg="add mod">
          <ac:chgData name="Aluffi, Pietro" userId="810df28b-0e6a-47dc-86dd-8f68aed2c426" providerId="ADAL" clId="{40696A6E-4A7F-E443-856C-D716A3E160E2}" dt="2023-05-06T14:39:19.028" v="2115" actId="5793"/>
          <ac:spMkLst>
            <pc:docMk/>
            <pc:sldMk cId="1930342915" sldId="920"/>
            <ac:spMk id="4" creationId="{7DCD6B28-58B1-5C6D-DDC4-49C75EEF56B0}"/>
          </ac:spMkLst>
        </pc:spChg>
        <pc:spChg chg="del">
          <ac:chgData name="Aluffi, Pietro" userId="810df28b-0e6a-47dc-86dd-8f68aed2c426" providerId="ADAL" clId="{40696A6E-4A7F-E443-856C-D716A3E160E2}" dt="2023-05-06T14:01:12.210" v="1178" actId="478"/>
          <ac:spMkLst>
            <pc:docMk/>
            <pc:sldMk cId="1930342915" sldId="920"/>
            <ac:spMk id="6" creationId="{31CAB80B-ADA3-A22E-F1A9-54C42F06CE63}"/>
          </ac:spMkLst>
        </pc:spChg>
        <pc:spChg chg="del">
          <ac:chgData name="Aluffi, Pietro" userId="810df28b-0e6a-47dc-86dd-8f68aed2c426" providerId="ADAL" clId="{40696A6E-4A7F-E443-856C-D716A3E160E2}" dt="2023-05-06T14:01:12.210" v="1178" actId="478"/>
          <ac:spMkLst>
            <pc:docMk/>
            <pc:sldMk cId="1930342915" sldId="920"/>
            <ac:spMk id="9" creationId="{30579B4A-00D3-46DE-1F1A-5E1A58C9D888}"/>
          </ac:spMkLst>
        </pc:spChg>
        <pc:spChg chg="del">
          <ac:chgData name="Aluffi, Pietro" userId="810df28b-0e6a-47dc-86dd-8f68aed2c426" providerId="ADAL" clId="{40696A6E-4A7F-E443-856C-D716A3E160E2}" dt="2023-05-06T14:01:12.210" v="1178" actId="478"/>
          <ac:spMkLst>
            <pc:docMk/>
            <pc:sldMk cId="1930342915" sldId="920"/>
            <ac:spMk id="11" creationId="{D25FAC04-6355-ACC2-E01C-F02F43FAC4E0}"/>
          </ac:spMkLst>
        </pc:spChg>
        <pc:spChg chg="del">
          <ac:chgData name="Aluffi, Pietro" userId="810df28b-0e6a-47dc-86dd-8f68aed2c426" providerId="ADAL" clId="{40696A6E-4A7F-E443-856C-D716A3E160E2}" dt="2023-05-06T14:01:12.210" v="1178" actId="478"/>
          <ac:spMkLst>
            <pc:docMk/>
            <pc:sldMk cId="1930342915" sldId="920"/>
            <ac:spMk id="12" creationId="{818AF0B3-A0A6-4EC5-ECAF-3EE1F4116A69}"/>
          </ac:spMkLst>
        </pc:spChg>
        <pc:spChg chg="del">
          <ac:chgData name="Aluffi, Pietro" userId="810df28b-0e6a-47dc-86dd-8f68aed2c426" providerId="ADAL" clId="{40696A6E-4A7F-E443-856C-D716A3E160E2}" dt="2023-05-06T14:01:12.210" v="1178" actId="478"/>
          <ac:spMkLst>
            <pc:docMk/>
            <pc:sldMk cId="1930342915" sldId="920"/>
            <ac:spMk id="13" creationId="{833438AD-227E-958A-E782-7B82B7F47650}"/>
          </ac:spMkLst>
        </pc:spChg>
        <pc:spChg chg="del">
          <ac:chgData name="Aluffi, Pietro" userId="810df28b-0e6a-47dc-86dd-8f68aed2c426" providerId="ADAL" clId="{40696A6E-4A7F-E443-856C-D716A3E160E2}" dt="2023-05-06T14:01:12.210" v="1178" actId="478"/>
          <ac:spMkLst>
            <pc:docMk/>
            <pc:sldMk cId="1930342915" sldId="920"/>
            <ac:spMk id="14" creationId="{AB871931-0797-1BF8-E70C-36AB7AADF66D}"/>
          </ac:spMkLst>
        </pc:spChg>
        <pc:cxnChg chg="del mod">
          <ac:chgData name="Aluffi, Pietro" userId="810df28b-0e6a-47dc-86dd-8f68aed2c426" providerId="ADAL" clId="{40696A6E-4A7F-E443-856C-D716A3E160E2}" dt="2023-05-06T14:01:12.210" v="1178" actId="478"/>
          <ac:cxnSpMkLst>
            <pc:docMk/>
            <pc:sldMk cId="1930342915" sldId="920"/>
            <ac:cxnSpMk id="16" creationId="{048D6E0B-82AB-54F1-5C3D-8917F3837917}"/>
          </ac:cxnSpMkLst>
        </pc:cxnChg>
        <pc:cxnChg chg="del mod">
          <ac:chgData name="Aluffi, Pietro" userId="810df28b-0e6a-47dc-86dd-8f68aed2c426" providerId="ADAL" clId="{40696A6E-4A7F-E443-856C-D716A3E160E2}" dt="2023-05-06T14:01:12.210" v="1178" actId="478"/>
          <ac:cxnSpMkLst>
            <pc:docMk/>
            <pc:sldMk cId="1930342915" sldId="920"/>
            <ac:cxnSpMk id="18" creationId="{3534A710-2438-C127-60A6-1F0EA141CEB1}"/>
          </ac:cxnSpMkLst>
        </pc:cxnChg>
        <pc:cxnChg chg="del mod">
          <ac:chgData name="Aluffi, Pietro" userId="810df28b-0e6a-47dc-86dd-8f68aed2c426" providerId="ADAL" clId="{40696A6E-4A7F-E443-856C-D716A3E160E2}" dt="2023-05-06T14:01:12.210" v="1178" actId="478"/>
          <ac:cxnSpMkLst>
            <pc:docMk/>
            <pc:sldMk cId="1930342915" sldId="920"/>
            <ac:cxnSpMk id="20" creationId="{B4542510-8A9F-54D2-65F5-692EB9DACE37}"/>
          </ac:cxnSpMkLst>
        </pc:cxnChg>
        <pc:cxnChg chg="del mod">
          <ac:chgData name="Aluffi, Pietro" userId="810df28b-0e6a-47dc-86dd-8f68aed2c426" providerId="ADAL" clId="{40696A6E-4A7F-E443-856C-D716A3E160E2}" dt="2023-05-06T14:01:12.210" v="1178" actId="478"/>
          <ac:cxnSpMkLst>
            <pc:docMk/>
            <pc:sldMk cId="1930342915" sldId="920"/>
            <ac:cxnSpMk id="22" creationId="{7EE07E01-D10B-38E1-972D-40043DBDB428}"/>
          </ac:cxnSpMkLst>
        </pc:cxnChg>
        <pc:cxnChg chg="del mod">
          <ac:chgData name="Aluffi, Pietro" userId="810df28b-0e6a-47dc-86dd-8f68aed2c426" providerId="ADAL" clId="{40696A6E-4A7F-E443-856C-D716A3E160E2}" dt="2023-05-06T14:01:12.210" v="1178" actId="478"/>
          <ac:cxnSpMkLst>
            <pc:docMk/>
            <pc:sldMk cId="1930342915" sldId="920"/>
            <ac:cxnSpMk id="24" creationId="{010B791B-CD72-45BE-2C57-7EC2E9C3D41D}"/>
          </ac:cxnSpMkLst>
        </pc:cxnChg>
      </pc:sldChg>
      <pc:sldChg chg="addSp delSp modSp mod">
        <pc:chgData name="Aluffi, Pietro" userId="810df28b-0e6a-47dc-86dd-8f68aed2c426" providerId="ADAL" clId="{40696A6E-4A7F-E443-856C-D716A3E160E2}" dt="2023-05-07T20:52:52.131" v="2872" actId="14100"/>
        <pc:sldMkLst>
          <pc:docMk/>
          <pc:sldMk cId="1071038821" sldId="921"/>
        </pc:sldMkLst>
        <pc:spChg chg="mod">
          <ac:chgData name="Aluffi, Pietro" userId="810df28b-0e6a-47dc-86dd-8f68aed2c426" providerId="ADAL" clId="{40696A6E-4A7F-E443-856C-D716A3E160E2}" dt="2023-05-05T13:39:37.629" v="146" actId="20577"/>
          <ac:spMkLst>
            <pc:docMk/>
            <pc:sldMk cId="1071038821" sldId="921"/>
            <ac:spMk id="6" creationId="{7EA091A7-AC7E-7BCC-76C6-243FDAA2856B}"/>
          </ac:spMkLst>
        </pc:spChg>
        <pc:spChg chg="mod">
          <ac:chgData name="Aluffi, Pietro" userId="810df28b-0e6a-47dc-86dd-8f68aed2c426" providerId="ADAL" clId="{40696A6E-4A7F-E443-856C-D716A3E160E2}" dt="2023-05-07T20:52:40.864" v="2868" actId="14100"/>
          <ac:spMkLst>
            <pc:docMk/>
            <pc:sldMk cId="1071038821" sldId="921"/>
            <ac:spMk id="7" creationId="{BBB9DD80-DB7F-24D5-AAC6-9CFC37B41E54}"/>
          </ac:spMkLst>
        </pc:spChg>
        <pc:spChg chg="mod">
          <ac:chgData name="Aluffi, Pietro" userId="810df28b-0e6a-47dc-86dd-8f68aed2c426" providerId="ADAL" clId="{40696A6E-4A7F-E443-856C-D716A3E160E2}" dt="2023-05-07T20:52:43.815" v="2869" actId="14100"/>
          <ac:spMkLst>
            <pc:docMk/>
            <pc:sldMk cId="1071038821" sldId="921"/>
            <ac:spMk id="9" creationId="{9536F6FC-B12C-2C41-8D5A-402D548A2768}"/>
          </ac:spMkLst>
        </pc:spChg>
        <pc:spChg chg="mod">
          <ac:chgData name="Aluffi, Pietro" userId="810df28b-0e6a-47dc-86dd-8f68aed2c426" providerId="ADAL" clId="{40696A6E-4A7F-E443-856C-D716A3E160E2}" dt="2023-05-07T20:52:46.213" v="2870" actId="14100"/>
          <ac:spMkLst>
            <pc:docMk/>
            <pc:sldMk cId="1071038821" sldId="921"/>
            <ac:spMk id="10" creationId="{FAB93CF7-C579-B42A-8491-3D5942A29BAA}"/>
          </ac:spMkLst>
        </pc:spChg>
        <pc:spChg chg="mod">
          <ac:chgData name="Aluffi, Pietro" userId="810df28b-0e6a-47dc-86dd-8f68aed2c426" providerId="ADAL" clId="{40696A6E-4A7F-E443-856C-D716A3E160E2}" dt="2023-05-07T20:52:49.714" v="2871" actId="14100"/>
          <ac:spMkLst>
            <pc:docMk/>
            <pc:sldMk cId="1071038821" sldId="921"/>
            <ac:spMk id="11" creationId="{612E00A3-21EA-74A9-AADB-F96948D91E85}"/>
          </ac:spMkLst>
        </pc:spChg>
        <pc:spChg chg="mod">
          <ac:chgData name="Aluffi, Pietro" userId="810df28b-0e6a-47dc-86dd-8f68aed2c426" providerId="ADAL" clId="{40696A6E-4A7F-E443-856C-D716A3E160E2}" dt="2023-05-07T20:52:52.131" v="2872" actId="14100"/>
          <ac:spMkLst>
            <pc:docMk/>
            <pc:sldMk cId="1071038821" sldId="921"/>
            <ac:spMk id="12" creationId="{6C53A7B8-FFF8-D4F1-991B-8955E38B718D}"/>
          </ac:spMkLst>
        </pc:spChg>
        <pc:spChg chg="mod">
          <ac:chgData name="Aluffi, Pietro" userId="810df28b-0e6a-47dc-86dd-8f68aed2c426" providerId="ADAL" clId="{40696A6E-4A7F-E443-856C-D716A3E160E2}" dt="2023-05-05T13:52:39.487" v="246" actId="20577"/>
          <ac:spMkLst>
            <pc:docMk/>
            <pc:sldMk cId="1071038821" sldId="921"/>
            <ac:spMk id="13" creationId="{64D90FE0-0F47-ABDD-1B31-7548A3BEF827}"/>
          </ac:spMkLst>
        </pc:spChg>
        <pc:spChg chg="mod">
          <ac:chgData name="Aluffi, Pietro" userId="810df28b-0e6a-47dc-86dd-8f68aed2c426" providerId="ADAL" clId="{40696A6E-4A7F-E443-856C-D716A3E160E2}" dt="2023-05-05T13:52:41.739" v="249" actId="20577"/>
          <ac:spMkLst>
            <pc:docMk/>
            <pc:sldMk cId="1071038821" sldId="921"/>
            <ac:spMk id="14" creationId="{3EBC8A4F-E9D0-F28B-0E36-9584944B8A10}"/>
          </ac:spMkLst>
        </pc:spChg>
        <pc:spChg chg="mod">
          <ac:chgData name="Aluffi, Pietro" userId="810df28b-0e6a-47dc-86dd-8f68aed2c426" providerId="ADAL" clId="{40696A6E-4A7F-E443-856C-D716A3E160E2}" dt="2023-05-05T13:53:20.362" v="271" actId="404"/>
          <ac:spMkLst>
            <pc:docMk/>
            <pc:sldMk cId="1071038821" sldId="921"/>
            <ac:spMk id="15" creationId="{6C317B95-B623-25E3-D88C-C28CB0477AE7}"/>
          </ac:spMkLst>
        </pc:spChg>
        <pc:spChg chg="mod">
          <ac:chgData name="Aluffi, Pietro" userId="810df28b-0e6a-47dc-86dd-8f68aed2c426" providerId="ADAL" clId="{40696A6E-4A7F-E443-856C-D716A3E160E2}" dt="2023-05-05T13:53:46.771" v="289" actId="20577"/>
          <ac:spMkLst>
            <pc:docMk/>
            <pc:sldMk cId="1071038821" sldId="921"/>
            <ac:spMk id="18" creationId="{26666E43-B65D-9BF2-3FCF-A6E834DD90B8}"/>
          </ac:spMkLst>
        </pc:spChg>
        <pc:spChg chg="mod">
          <ac:chgData name="Aluffi, Pietro" userId="810df28b-0e6a-47dc-86dd-8f68aed2c426" providerId="ADAL" clId="{40696A6E-4A7F-E443-856C-D716A3E160E2}" dt="2023-05-05T13:37:14.695" v="78" actId="20577"/>
          <ac:spMkLst>
            <pc:docMk/>
            <pc:sldMk cId="1071038821" sldId="921"/>
            <ac:spMk id="19" creationId="{F2D63EF1-2E41-2CC2-3EA9-73B19543E096}"/>
          </ac:spMkLst>
        </pc:spChg>
        <pc:spChg chg="mod">
          <ac:chgData name="Aluffi, Pietro" userId="810df28b-0e6a-47dc-86dd-8f68aed2c426" providerId="ADAL" clId="{40696A6E-4A7F-E443-856C-D716A3E160E2}" dt="2023-05-05T13:55:27.213" v="319" actId="20577"/>
          <ac:spMkLst>
            <pc:docMk/>
            <pc:sldMk cId="1071038821" sldId="921"/>
            <ac:spMk id="20" creationId="{6CF829F8-C8AF-ECCE-F86E-B5ED9A3C8E32}"/>
          </ac:spMkLst>
        </pc:spChg>
        <pc:spChg chg="mod">
          <ac:chgData name="Aluffi, Pietro" userId="810df28b-0e6a-47dc-86dd-8f68aed2c426" providerId="ADAL" clId="{40696A6E-4A7F-E443-856C-D716A3E160E2}" dt="2023-05-05T13:55:28.822" v="320" actId="20577"/>
          <ac:spMkLst>
            <pc:docMk/>
            <pc:sldMk cId="1071038821" sldId="921"/>
            <ac:spMk id="21" creationId="{FCA22550-655B-43B8-EAD2-FD129F08EE55}"/>
          </ac:spMkLst>
        </pc:spChg>
        <pc:spChg chg="mod">
          <ac:chgData name="Aluffi, Pietro" userId="810df28b-0e6a-47dc-86dd-8f68aed2c426" providerId="ADAL" clId="{40696A6E-4A7F-E443-856C-D716A3E160E2}" dt="2023-05-05T13:55:30.123" v="321" actId="20577"/>
          <ac:spMkLst>
            <pc:docMk/>
            <pc:sldMk cId="1071038821" sldId="921"/>
            <ac:spMk id="22" creationId="{6D18C188-343B-92AD-4220-363677CF9498}"/>
          </ac:spMkLst>
        </pc:spChg>
        <pc:spChg chg="mod">
          <ac:chgData name="Aluffi, Pietro" userId="810df28b-0e6a-47dc-86dd-8f68aed2c426" providerId="ADAL" clId="{40696A6E-4A7F-E443-856C-D716A3E160E2}" dt="2023-05-05T13:53:23.199" v="272" actId="20577"/>
          <ac:spMkLst>
            <pc:docMk/>
            <pc:sldMk cId="1071038821" sldId="921"/>
            <ac:spMk id="24" creationId="{80F7895E-7114-ED50-2ABE-09F29729916A}"/>
          </ac:spMkLst>
        </pc:spChg>
        <pc:spChg chg="mod">
          <ac:chgData name="Aluffi, Pietro" userId="810df28b-0e6a-47dc-86dd-8f68aed2c426" providerId="ADAL" clId="{40696A6E-4A7F-E443-856C-D716A3E160E2}" dt="2023-05-05T13:54:54.708" v="305" actId="20577"/>
          <ac:spMkLst>
            <pc:docMk/>
            <pc:sldMk cId="1071038821" sldId="921"/>
            <ac:spMk id="25" creationId="{1C1880DE-C3AF-23CF-98BB-FFCB520C01CD}"/>
          </ac:spMkLst>
        </pc:spChg>
        <pc:spChg chg="mod">
          <ac:chgData name="Aluffi, Pietro" userId="810df28b-0e6a-47dc-86dd-8f68aed2c426" providerId="ADAL" clId="{40696A6E-4A7F-E443-856C-D716A3E160E2}" dt="2023-05-05T13:54:50.186" v="302" actId="20577"/>
          <ac:spMkLst>
            <pc:docMk/>
            <pc:sldMk cId="1071038821" sldId="921"/>
            <ac:spMk id="28" creationId="{D555B0FF-9945-0B08-73BB-7227205CBC42}"/>
          </ac:spMkLst>
        </pc:spChg>
        <pc:spChg chg="mod">
          <ac:chgData name="Aluffi, Pietro" userId="810df28b-0e6a-47dc-86dd-8f68aed2c426" providerId="ADAL" clId="{40696A6E-4A7F-E443-856C-D716A3E160E2}" dt="2023-05-05T13:54:52.379" v="304" actId="20577"/>
          <ac:spMkLst>
            <pc:docMk/>
            <pc:sldMk cId="1071038821" sldId="921"/>
            <ac:spMk id="29" creationId="{B46B0EE7-BCD2-ABF2-D155-654BB5809150}"/>
          </ac:spMkLst>
        </pc:spChg>
        <pc:spChg chg="mod">
          <ac:chgData name="Aluffi, Pietro" userId="810df28b-0e6a-47dc-86dd-8f68aed2c426" providerId="ADAL" clId="{40696A6E-4A7F-E443-856C-D716A3E160E2}" dt="2023-05-05T13:55:05.880" v="318" actId="20577"/>
          <ac:spMkLst>
            <pc:docMk/>
            <pc:sldMk cId="1071038821" sldId="921"/>
            <ac:spMk id="31" creationId="{ADA60560-94B6-439D-E762-579DC20EB286}"/>
          </ac:spMkLst>
        </pc:spChg>
        <pc:spChg chg="mod">
          <ac:chgData name="Aluffi, Pietro" userId="810df28b-0e6a-47dc-86dd-8f68aed2c426" providerId="ADAL" clId="{40696A6E-4A7F-E443-856C-D716A3E160E2}" dt="2023-05-05T13:55:05.880" v="318" actId="20577"/>
          <ac:spMkLst>
            <pc:docMk/>
            <pc:sldMk cId="1071038821" sldId="921"/>
            <ac:spMk id="32" creationId="{D4C56884-8F53-96C8-07FC-D78E90955399}"/>
          </ac:spMkLst>
        </pc:spChg>
        <pc:spChg chg="add mod">
          <ac:chgData name="Aluffi, Pietro" userId="810df28b-0e6a-47dc-86dd-8f68aed2c426" providerId="ADAL" clId="{40696A6E-4A7F-E443-856C-D716A3E160E2}" dt="2023-05-05T14:02:02.879" v="373" actId="2085"/>
          <ac:spMkLst>
            <pc:docMk/>
            <pc:sldMk cId="1071038821" sldId="921"/>
            <ac:spMk id="36" creationId="{00F93775-0A67-4781-1F9E-58E82BA70234}"/>
          </ac:spMkLst>
        </pc:spChg>
        <pc:spChg chg="add mod">
          <ac:chgData name="Aluffi, Pietro" userId="810df28b-0e6a-47dc-86dd-8f68aed2c426" providerId="ADAL" clId="{40696A6E-4A7F-E443-856C-D716A3E160E2}" dt="2023-05-05T13:57:12.735" v="344" actId="1076"/>
          <ac:spMkLst>
            <pc:docMk/>
            <pc:sldMk cId="1071038821" sldId="921"/>
            <ac:spMk id="37" creationId="{99D14B87-C4A1-AE4E-7959-6469475DC709}"/>
          </ac:spMkLst>
        </pc:spChg>
        <pc:spChg chg="add del mod">
          <ac:chgData name="Aluffi, Pietro" userId="810df28b-0e6a-47dc-86dd-8f68aed2c426" providerId="ADAL" clId="{40696A6E-4A7F-E443-856C-D716A3E160E2}" dt="2023-05-05T13:57:04.974" v="343"/>
          <ac:spMkLst>
            <pc:docMk/>
            <pc:sldMk cId="1071038821" sldId="921"/>
            <ac:spMk id="38" creationId="{181B5060-C59C-D9CC-D21B-C7A459C285E6}"/>
          </ac:spMkLst>
        </pc:spChg>
        <pc:spChg chg="add mod">
          <ac:chgData name="Aluffi, Pietro" userId="810df28b-0e6a-47dc-86dd-8f68aed2c426" providerId="ADAL" clId="{40696A6E-4A7F-E443-856C-D716A3E160E2}" dt="2023-05-05T13:57:57.484" v="351" actId="1076"/>
          <ac:spMkLst>
            <pc:docMk/>
            <pc:sldMk cId="1071038821" sldId="921"/>
            <ac:spMk id="48" creationId="{C3475E6A-2D27-FB4F-2658-F2DD1E0D14AD}"/>
          </ac:spMkLst>
        </pc:spChg>
        <pc:spChg chg="add mod">
          <ac:chgData name="Aluffi, Pietro" userId="810df28b-0e6a-47dc-86dd-8f68aed2c426" providerId="ADAL" clId="{40696A6E-4A7F-E443-856C-D716A3E160E2}" dt="2023-05-05T14:02:10.431" v="374" actId="2085"/>
          <ac:spMkLst>
            <pc:docMk/>
            <pc:sldMk cId="1071038821" sldId="921"/>
            <ac:spMk id="50" creationId="{871F0EBA-9A4E-C141-3709-0B2BCF145E18}"/>
          </ac:spMkLst>
        </pc:spChg>
        <pc:grpChg chg="add mod">
          <ac:chgData name="Aluffi, Pietro" userId="810df28b-0e6a-47dc-86dd-8f68aed2c426" providerId="ADAL" clId="{40696A6E-4A7F-E443-856C-D716A3E160E2}" dt="2023-05-05T13:53:46.771" v="289" actId="20577"/>
          <ac:grpSpMkLst>
            <pc:docMk/>
            <pc:sldMk cId="1071038821" sldId="921"/>
            <ac:grpSpMk id="17" creationId="{02ECA487-0DF5-4D3A-A17C-B22299744EE3}"/>
          </ac:grpSpMkLst>
        </pc:grpChg>
        <pc:grpChg chg="mod">
          <ac:chgData name="Aluffi, Pietro" userId="810df28b-0e6a-47dc-86dd-8f68aed2c426" providerId="ADAL" clId="{40696A6E-4A7F-E443-856C-D716A3E160E2}" dt="2023-05-05T13:53:20.362" v="271" actId="404"/>
          <ac:grpSpMkLst>
            <pc:docMk/>
            <pc:sldMk cId="1071038821" sldId="921"/>
            <ac:grpSpMk id="26" creationId="{CA5DEB32-5A60-CE04-D49A-A63CCF87E385}"/>
          </ac:grpSpMkLst>
        </pc:grpChg>
        <pc:grpChg chg="add mod">
          <ac:chgData name="Aluffi, Pietro" userId="810df28b-0e6a-47dc-86dd-8f68aed2c426" providerId="ADAL" clId="{40696A6E-4A7F-E443-856C-D716A3E160E2}" dt="2023-05-05T13:56:18.960" v="333" actId="1037"/>
          <ac:grpSpMkLst>
            <pc:docMk/>
            <pc:sldMk cId="1071038821" sldId="921"/>
            <ac:grpSpMk id="27" creationId="{FA22F8AE-20BD-C8D6-CD6D-6D0D03D3DFB8}"/>
          </ac:grpSpMkLst>
        </pc:grpChg>
        <pc:grpChg chg="add mod">
          <ac:chgData name="Aluffi, Pietro" userId="810df28b-0e6a-47dc-86dd-8f68aed2c426" providerId="ADAL" clId="{40696A6E-4A7F-E443-856C-D716A3E160E2}" dt="2023-05-05T13:55:59.673" v="329" actId="1038"/>
          <ac:grpSpMkLst>
            <pc:docMk/>
            <pc:sldMk cId="1071038821" sldId="921"/>
            <ac:grpSpMk id="30" creationId="{890C0D5F-960C-81A6-2A8C-ECE29D7EACA0}"/>
          </ac:grpSpMkLst>
        </pc:grpChg>
        <pc:grpChg chg="del mod">
          <ac:chgData name="Aluffi, Pietro" userId="810df28b-0e6a-47dc-86dd-8f68aed2c426" providerId="ADAL" clId="{40696A6E-4A7F-E443-856C-D716A3E160E2}" dt="2023-05-05T13:37:32.640" v="89" actId="478"/>
          <ac:grpSpMkLst>
            <pc:docMk/>
            <pc:sldMk cId="1071038821" sldId="921"/>
            <ac:grpSpMk id="39" creationId="{D745D3C1-8140-00D9-FEE4-74758B68370D}"/>
          </ac:grpSpMkLst>
        </pc:grpChg>
        <pc:grpChg chg="del">
          <ac:chgData name="Aluffi, Pietro" userId="810df28b-0e6a-47dc-86dd-8f68aed2c426" providerId="ADAL" clId="{40696A6E-4A7F-E443-856C-D716A3E160E2}" dt="2023-05-05T13:37:41.782" v="93" actId="478"/>
          <ac:grpSpMkLst>
            <pc:docMk/>
            <pc:sldMk cId="1071038821" sldId="921"/>
            <ac:grpSpMk id="42" creationId="{1295574A-3F95-E980-25F0-73E9D8362A38}"/>
          </ac:grpSpMkLst>
        </pc:grpChg>
        <pc:grpChg chg="del">
          <ac:chgData name="Aluffi, Pietro" userId="810df28b-0e6a-47dc-86dd-8f68aed2c426" providerId="ADAL" clId="{40696A6E-4A7F-E443-856C-D716A3E160E2}" dt="2023-05-05T13:38:06.455" v="99" actId="478"/>
          <ac:grpSpMkLst>
            <pc:docMk/>
            <pc:sldMk cId="1071038821" sldId="921"/>
            <ac:grpSpMk id="45" creationId="{F719747A-83B2-01B5-B420-C9E3BB7543AE}"/>
          </ac:grpSpMkLst>
        </pc:grpChg>
        <pc:cxnChg chg="add del">
          <ac:chgData name="Aluffi, Pietro" userId="810df28b-0e6a-47dc-86dd-8f68aed2c426" providerId="ADAL" clId="{40696A6E-4A7F-E443-856C-D716A3E160E2}" dt="2023-05-05T13:30:55.593" v="5" actId="11529"/>
          <ac:cxnSpMkLst>
            <pc:docMk/>
            <pc:sldMk cId="1071038821" sldId="921"/>
            <ac:cxnSpMk id="5" creationId="{DAC0DD2C-007A-AA99-6E32-81C2E15BE897}"/>
          </ac:cxnSpMkLst>
        </pc:cxnChg>
        <pc:cxnChg chg="add mod">
          <ac:chgData name="Aluffi, Pietro" userId="810df28b-0e6a-47dc-86dd-8f68aed2c426" providerId="ADAL" clId="{40696A6E-4A7F-E443-856C-D716A3E160E2}" dt="2023-05-05T14:02:22.876" v="375" actId="208"/>
          <ac:cxnSpMkLst>
            <pc:docMk/>
            <pc:sldMk cId="1071038821" sldId="921"/>
            <ac:cxnSpMk id="8" creationId="{2B07BD1C-A1F2-4219-550B-DDD5F4A6DA19}"/>
          </ac:cxnSpMkLst>
        </pc:cxnChg>
        <pc:cxnChg chg="add mod">
          <ac:chgData name="Aluffi, Pietro" userId="810df28b-0e6a-47dc-86dd-8f68aed2c426" providerId="ADAL" clId="{40696A6E-4A7F-E443-856C-D716A3E160E2}" dt="2023-05-05T14:01:54.349" v="372" actId="208"/>
          <ac:cxnSpMkLst>
            <pc:docMk/>
            <pc:sldMk cId="1071038821" sldId="921"/>
            <ac:cxnSpMk id="33" creationId="{1CDC9F1F-8A78-B464-A4D4-688A610C7706}"/>
          </ac:cxnSpMkLst>
        </pc:cxnChg>
        <pc:cxnChg chg="add mod">
          <ac:chgData name="Aluffi, Pietro" userId="810df28b-0e6a-47dc-86dd-8f68aed2c426" providerId="ADAL" clId="{40696A6E-4A7F-E443-856C-D716A3E160E2}" dt="2023-05-05T14:01:54.349" v="372" actId="208"/>
          <ac:cxnSpMkLst>
            <pc:docMk/>
            <pc:sldMk cId="1071038821" sldId="921"/>
            <ac:cxnSpMk id="34" creationId="{FD87703C-D1FF-1476-A7DF-68AE614153D9}"/>
          </ac:cxnSpMkLst>
        </pc:cxnChg>
        <pc:cxnChg chg="add mod">
          <ac:chgData name="Aluffi, Pietro" userId="810df28b-0e6a-47dc-86dd-8f68aed2c426" providerId="ADAL" clId="{40696A6E-4A7F-E443-856C-D716A3E160E2}" dt="2023-05-05T14:01:54.349" v="372" actId="208"/>
          <ac:cxnSpMkLst>
            <pc:docMk/>
            <pc:sldMk cId="1071038821" sldId="921"/>
            <ac:cxnSpMk id="35" creationId="{EB5C7DBC-02CC-2C16-7101-9584EF1C2F9E}"/>
          </ac:cxnSpMkLst>
        </pc:cxnChg>
        <pc:cxnChg chg="mod">
          <ac:chgData name="Aluffi, Pietro" userId="810df28b-0e6a-47dc-86dd-8f68aed2c426" providerId="ADAL" clId="{40696A6E-4A7F-E443-856C-D716A3E160E2}" dt="2023-05-07T20:52:43.815" v="2869" actId="14100"/>
          <ac:cxnSpMkLst>
            <pc:docMk/>
            <pc:sldMk cId="1071038821" sldId="921"/>
            <ac:cxnSpMk id="49" creationId="{D4D1AEFB-7C4B-DBD2-504C-61ABEF83B60A}"/>
          </ac:cxnSpMkLst>
        </pc:cxnChg>
        <pc:cxnChg chg="add mod">
          <ac:chgData name="Aluffi, Pietro" userId="810df28b-0e6a-47dc-86dd-8f68aed2c426" providerId="ADAL" clId="{40696A6E-4A7F-E443-856C-D716A3E160E2}" dt="2023-05-07T20:52:40.864" v="2868" actId="14100"/>
          <ac:cxnSpMkLst>
            <pc:docMk/>
            <pc:sldMk cId="1071038821" sldId="921"/>
            <ac:cxnSpMk id="52" creationId="{17CEC666-9E76-8F1F-40F5-9B865D994592}"/>
          </ac:cxnSpMkLst>
        </pc:cxnChg>
        <pc:cxnChg chg="mod">
          <ac:chgData name="Aluffi, Pietro" userId="810df28b-0e6a-47dc-86dd-8f68aed2c426" providerId="ADAL" clId="{40696A6E-4A7F-E443-856C-D716A3E160E2}" dt="2023-05-05T14:01:54.349" v="372" actId="208"/>
          <ac:cxnSpMkLst>
            <pc:docMk/>
            <pc:sldMk cId="1071038821" sldId="921"/>
            <ac:cxnSpMk id="54" creationId="{7309EFDD-8BEB-03E4-368F-6EC4B839387A}"/>
          </ac:cxnSpMkLst>
        </pc:cxnChg>
        <pc:cxnChg chg="mod">
          <ac:chgData name="Aluffi, Pietro" userId="810df28b-0e6a-47dc-86dd-8f68aed2c426" providerId="ADAL" clId="{40696A6E-4A7F-E443-856C-D716A3E160E2}" dt="2023-05-05T14:01:54.349" v="372" actId="208"/>
          <ac:cxnSpMkLst>
            <pc:docMk/>
            <pc:sldMk cId="1071038821" sldId="921"/>
            <ac:cxnSpMk id="55" creationId="{6462B5BE-3893-2F5A-F803-2454F91BE69D}"/>
          </ac:cxnSpMkLst>
        </pc:cxnChg>
        <pc:cxnChg chg="mod">
          <ac:chgData name="Aluffi, Pietro" userId="810df28b-0e6a-47dc-86dd-8f68aed2c426" providerId="ADAL" clId="{40696A6E-4A7F-E443-856C-D716A3E160E2}" dt="2023-05-05T14:01:54.349" v="372" actId="208"/>
          <ac:cxnSpMkLst>
            <pc:docMk/>
            <pc:sldMk cId="1071038821" sldId="921"/>
            <ac:cxnSpMk id="56" creationId="{9F019B10-1150-D0DE-AE6F-8ECA68BEA0A3}"/>
          </ac:cxnSpMkLst>
        </pc:cxnChg>
        <pc:cxnChg chg="add del mod">
          <ac:chgData name="Aluffi, Pietro" userId="810df28b-0e6a-47dc-86dd-8f68aed2c426" providerId="ADAL" clId="{40696A6E-4A7F-E443-856C-D716A3E160E2}" dt="2023-05-05T13:59:45.238" v="356" actId="478"/>
          <ac:cxnSpMkLst>
            <pc:docMk/>
            <pc:sldMk cId="1071038821" sldId="921"/>
            <ac:cxnSpMk id="57" creationId="{A8DB2659-0C43-2EE1-05A3-507D6E6519B9}"/>
          </ac:cxnSpMkLst>
        </pc:cxnChg>
        <pc:cxnChg chg="add mod">
          <ac:chgData name="Aluffi, Pietro" userId="810df28b-0e6a-47dc-86dd-8f68aed2c426" providerId="ADAL" clId="{40696A6E-4A7F-E443-856C-D716A3E160E2}" dt="2023-05-07T20:52:40.864" v="2868" actId="14100"/>
          <ac:cxnSpMkLst>
            <pc:docMk/>
            <pc:sldMk cId="1071038821" sldId="921"/>
            <ac:cxnSpMk id="59" creationId="{83E56CD4-6D45-3B4E-CD71-CF912B967F20}"/>
          </ac:cxnSpMkLst>
        </pc:cxnChg>
        <pc:cxnChg chg="add del">
          <ac:chgData name="Aluffi, Pietro" userId="810df28b-0e6a-47dc-86dd-8f68aed2c426" providerId="ADAL" clId="{40696A6E-4A7F-E443-856C-D716A3E160E2}" dt="2023-05-05T14:00:11.707" v="359" actId="11529"/>
          <ac:cxnSpMkLst>
            <pc:docMk/>
            <pc:sldMk cId="1071038821" sldId="921"/>
            <ac:cxnSpMk id="61" creationId="{5FEC965A-1FD1-D6D9-4107-44C888E449C7}"/>
          </ac:cxnSpMkLst>
        </pc:cxnChg>
        <pc:cxnChg chg="add mod">
          <ac:chgData name="Aluffi, Pietro" userId="810df28b-0e6a-47dc-86dd-8f68aed2c426" providerId="ADAL" clId="{40696A6E-4A7F-E443-856C-D716A3E160E2}" dt="2023-05-05T14:01:54.349" v="372" actId="208"/>
          <ac:cxnSpMkLst>
            <pc:docMk/>
            <pc:sldMk cId="1071038821" sldId="921"/>
            <ac:cxnSpMk id="63" creationId="{F14CD623-6902-FB60-E988-9E921A1D7B02}"/>
          </ac:cxnSpMkLst>
        </pc:cxnChg>
      </pc:sldChg>
      <pc:sldChg chg="addSp delSp modSp mod modNotesTx">
        <pc:chgData name="Aluffi, Pietro" userId="810df28b-0e6a-47dc-86dd-8f68aed2c426" providerId="ADAL" clId="{40696A6E-4A7F-E443-856C-D716A3E160E2}" dt="2023-05-08T09:37:59.770" v="2950"/>
        <pc:sldMkLst>
          <pc:docMk/>
          <pc:sldMk cId="2959379086" sldId="923"/>
        </pc:sldMkLst>
        <pc:spChg chg="mod">
          <ac:chgData name="Aluffi, Pietro" userId="810df28b-0e6a-47dc-86dd-8f68aed2c426" providerId="ADAL" clId="{40696A6E-4A7F-E443-856C-D716A3E160E2}" dt="2023-05-08T09:37:59.770" v="2950"/>
          <ac:spMkLst>
            <pc:docMk/>
            <pc:sldMk cId="2959379086" sldId="923"/>
            <ac:spMk id="2" creationId="{4EF9789A-4335-4577-AF25-1CB52F39AA43}"/>
          </ac:spMkLst>
        </pc:spChg>
        <pc:spChg chg="add del mod">
          <ac:chgData name="Aluffi, Pietro" userId="810df28b-0e6a-47dc-86dd-8f68aed2c426" providerId="ADAL" clId="{40696A6E-4A7F-E443-856C-D716A3E160E2}" dt="2023-05-08T09:16:46.047" v="2878" actId="478"/>
          <ac:spMkLst>
            <pc:docMk/>
            <pc:sldMk cId="2959379086" sldId="923"/>
            <ac:spMk id="3" creationId="{798D5C53-475B-5526-2DCE-9D54FB522473}"/>
          </ac:spMkLst>
        </pc:spChg>
        <pc:spChg chg="del">
          <ac:chgData name="Aluffi, Pietro" userId="810df28b-0e6a-47dc-86dd-8f68aed2c426" providerId="ADAL" clId="{40696A6E-4A7F-E443-856C-D716A3E160E2}" dt="2023-05-06T14:12:45.168" v="1223" actId="478"/>
          <ac:spMkLst>
            <pc:docMk/>
            <pc:sldMk cId="2959379086" sldId="923"/>
            <ac:spMk id="5" creationId="{B14C3A61-187D-092E-AEC0-3157116AA9C2}"/>
          </ac:spMkLst>
        </pc:spChg>
        <pc:spChg chg="mod">
          <ac:chgData name="Aluffi, Pietro" userId="810df28b-0e6a-47dc-86dd-8f68aed2c426" providerId="ADAL" clId="{40696A6E-4A7F-E443-856C-D716A3E160E2}" dt="2023-05-08T09:16:56.770" v="2880" actId="1076"/>
          <ac:spMkLst>
            <pc:docMk/>
            <pc:sldMk cId="2959379086" sldId="923"/>
            <ac:spMk id="6" creationId="{1D0E44E4-11F2-FC77-2854-4F3DAABF71B3}"/>
          </ac:spMkLst>
        </pc:spChg>
        <pc:spChg chg="add del mod">
          <ac:chgData name="Aluffi, Pietro" userId="810df28b-0e6a-47dc-86dd-8f68aed2c426" providerId="ADAL" clId="{40696A6E-4A7F-E443-856C-D716A3E160E2}" dt="2023-05-08T09:16:47.665" v="2879" actId="478"/>
          <ac:spMkLst>
            <pc:docMk/>
            <pc:sldMk cId="2959379086" sldId="923"/>
            <ac:spMk id="7" creationId="{BADD73B5-23F7-6923-77DA-FA3FC8E7377C}"/>
          </ac:spMkLst>
        </pc:spChg>
        <pc:spChg chg="del mod">
          <ac:chgData name="Aluffi, Pietro" userId="810df28b-0e6a-47dc-86dd-8f68aed2c426" providerId="ADAL" clId="{40696A6E-4A7F-E443-856C-D716A3E160E2}" dt="2023-05-06T14:12:45.400" v="1225"/>
          <ac:spMkLst>
            <pc:docMk/>
            <pc:sldMk cId="2959379086" sldId="923"/>
            <ac:spMk id="25" creationId="{11415A15-1071-D9FD-ABEF-47A538A3F10F}"/>
          </ac:spMkLst>
        </pc:spChg>
        <pc:picChg chg="mod">
          <ac:chgData name="Aluffi, Pietro" userId="810df28b-0e6a-47dc-86dd-8f68aed2c426" providerId="ADAL" clId="{40696A6E-4A7F-E443-856C-D716A3E160E2}" dt="2023-05-06T14:27:48.932" v="1853" actId="1035"/>
          <ac:picMkLst>
            <pc:docMk/>
            <pc:sldMk cId="2959379086" sldId="923"/>
            <ac:picMk id="10" creationId="{BB1AC977-D075-14B9-6C23-D1D01BD50CF8}"/>
          </ac:picMkLst>
        </pc:picChg>
      </pc:sldChg>
      <pc:sldChg chg="modSp mod">
        <pc:chgData name="Aluffi, Pietro" userId="810df28b-0e6a-47dc-86dd-8f68aed2c426" providerId="ADAL" clId="{40696A6E-4A7F-E443-856C-D716A3E160E2}" dt="2023-05-06T14:02:20.856" v="1206" actId="20577"/>
        <pc:sldMkLst>
          <pc:docMk/>
          <pc:sldMk cId="1130003212" sldId="925"/>
        </pc:sldMkLst>
        <pc:spChg chg="mod">
          <ac:chgData name="Aluffi, Pietro" userId="810df28b-0e6a-47dc-86dd-8f68aed2c426" providerId="ADAL" clId="{40696A6E-4A7F-E443-856C-D716A3E160E2}" dt="2023-05-06T14:02:20.856" v="1206" actId="20577"/>
          <ac:spMkLst>
            <pc:docMk/>
            <pc:sldMk cId="1130003212" sldId="925"/>
            <ac:spMk id="2" creationId="{4EF9789A-4335-4577-AF25-1CB52F39AA43}"/>
          </ac:spMkLst>
        </pc:spChg>
      </pc:sldChg>
      <pc:sldChg chg="addSp delSp modSp add mod modNotesTx">
        <pc:chgData name="Aluffi, Pietro" userId="810df28b-0e6a-47dc-86dd-8f68aed2c426" providerId="ADAL" clId="{40696A6E-4A7F-E443-856C-D716A3E160E2}" dt="2023-05-08T20:49:42.631" v="3172" actId="113"/>
        <pc:sldMkLst>
          <pc:docMk/>
          <pc:sldMk cId="3091245095" sldId="926"/>
        </pc:sldMkLst>
        <pc:spChg chg="add del mod">
          <ac:chgData name="Aluffi, Pietro" userId="810df28b-0e6a-47dc-86dd-8f68aed2c426" providerId="ADAL" clId="{40696A6E-4A7F-E443-856C-D716A3E160E2}" dt="2023-05-08T20:49:42.631" v="3172" actId="113"/>
          <ac:spMkLst>
            <pc:docMk/>
            <pc:sldMk cId="3091245095" sldId="926"/>
            <ac:spMk id="3" creationId="{6D5CDC84-3563-DED4-F9A0-396686A3ECFC}"/>
          </ac:spMkLst>
        </pc:spChg>
        <pc:spChg chg="mod">
          <ac:chgData name="Aluffi, Pietro" userId="810df28b-0e6a-47dc-86dd-8f68aed2c426" providerId="ADAL" clId="{40696A6E-4A7F-E443-856C-D716A3E160E2}" dt="2023-05-08T20:49:33.341" v="3169" actId="27636"/>
          <ac:spMkLst>
            <pc:docMk/>
            <pc:sldMk cId="3091245095" sldId="926"/>
            <ac:spMk id="4" creationId="{66071185-4A03-42EE-30F9-D0C26783BD9B}"/>
          </ac:spMkLst>
        </pc:spChg>
        <pc:spChg chg="add del mod">
          <ac:chgData name="Aluffi, Pietro" userId="810df28b-0e6a-47dc-86dd-8f68aed2c426" providerId="ADAL" clId="{40696A6E-4A7F-E443-856C-D716A3E160E2}" dt="2023-05-08T15:44:50.246" v="3032" actId="478"/>
          <ac:spMkLst>
            <pc:docMk/>
            <pc:sldMk cId="3091245095" sldId="926"/>
            <ac:spMk id="6" creationId="{12572DE9-0CD1-F00C-1C12-592215336013}"/>
          </ac:spMkLst>
        </pc:spChg>
        <pc:spChg chg="add del mod">
          <ac:chgData name="Aluffi, Pietro" userId="810df28b-0e6a-47dc-86dd-8f68aed2c426" providerId="ADAL" clId="{40696A6E-4A7F-E443-856C-D716A3E160E2}" dt="2023-05-08T15:44:53.529" v="3034" actId="478"/>
          <ac:spMkLst>
            <pc:docMk/>
            <pc:sldMk cId="3091245095" sldId="926"/>
            <ac:spMk id="8" creationId="{502BC7D5-5372-B983-5D79-390B80E76E7C}"/>
          </ac:spMkLst>
        </pc:spChg>
      </pc:sldChg>
      <pc:sldChg chg="add del setBg">
        <pc:chgData name="Aluffi, Pietro" userId="810df28b-0e6a-47dc-86dd-8f68aed2c426" providerId="ADAL" clId="{40696A6E-4A7F-E443-856C-D716A3E160E2}" dt="2023-05-05T14:27:12.429" v="477"/>
        <pc:sldMkLst>
          <pc:docMk/>
          <pc:sldMk cId="1428188816" sldId="927"/>
        </pc:sldMkLst>
      </pc:sldChg>
      <pc:sldChg chg="modSp add del mod ord">
        <pc:chgData name="Aluffi, Pietro" userId="810df28b-0e6a-47dc-86dd-8f68aed2c426" providerId="ADAL" clId="{40696A6E-4A7F-E443-856C-D716A3E160E2}" dt="2023-05-05T14:27:23.725" v="497" actId="20577"/>
        <pc:sldMkLst>
          <pc:docMk/>
          <pc:sldMk cId="1629224865" sldId="927"/>
        </pc:sldMkLst>
        <pc:spChg chg="mod">
          <ac:chgData name="Aluffi, Pietro" userId="810df28b-0e6a-47dc-86dd-8f68aed2c426" providerId="ADAL" clId="{40696A6E-4A7F-E443-856C-D716A3E160E2}" dt="2023-05-05T14:27:23.725" v="497" actId="20577"/>
          <ac:spMkLst>
            <pc:docMk/>
            <pc:sldMk cId="1629224865" sldId="927"/>
            <ac:spMk id="2" creationId="{AE1BE45B-27F9-0D2E-2A9E-05DA21A9DE93}"/>
          </ac:spMkLst>
        </pc:spChg>
      </pc:sldChg>
      <pc:sldChg chg="addSp delSp modSp add mod modNotesTx">
        <pc:chgData name="Aluffi, Pietro" userId="810df28b-0e6a-47dc-86dd-8f68aed2c426" providerId="ADAL" clId="{40696A6E-4A7F-E443-856C-D716A3E160E2}" dt="2023-05-07T20:49:08.241" v="2822" actId="20577"/>
        <pc:sldMkLst>
          <pc:docMk/>
          <pc:sldMk cId="4192117130" sldId="928"/>
        </pc:sldMkLst>
        <pc:spChg chg="del mod">
          <ac:chgData name="Aluffi, Pietro" userId="810df28b-0e6a-47dc-86dd-8f68aed2c426" providerId="ADAL" clId="{40696A6E-4A7F-E443-856C-D716A3E160E2}" dt="2023-05-07T20:38:15.534" v="2680" actId="478"/>
          <ac:spMkLst>
            <pc:docMk/>
            <pc:sldMk cId="4192117130" sldId="928"/>
            <ac:spMk id="2" creationId="{4EF9789A-4335-4577-AF25-1CB52F39AA43}"/>
          </ac:spMkLst>
        </pc:spChg>
        <pc:spChg chg="del mod">
          <ac:chgData name="Aluffi, Pietro" userId="810df28b-0e6a-47dc-86dd-8f68aed2c426" providerId="ADAL" clId="{40696A6E-4A7F-E443-856C-D716A3E160E2}" dt="2023-05-07T20:35:54.757" v="2632" actId="478"/>
          <ac:spMkLst>
            <pc:docMk/>
            <pc:sldMk cId="4192117130" sldId="928"/>
            <ac:spMk id="4" creationId="{38E79561-4FB8-C479-274F-FDD2EFCB926D}"/>
          </ac:spMkLst>
        </pc:spChg>
        <pc:spChg chg="add mod">
          <ac:chgData name="Aluffi, Pietro" userId="810df28b-0e6a-47dc-86dd-8f68aed2c426" providerId="ADAL" clId="{40696A6E-4A7F-E443-856C-D716A3E160E2}" dt="2023-05-07T20:43:22.084" v="2717" actId="164"/>
          <ac:spMkLst>
            <pc:docMk/>
            <pc:sldMk cId="4192117130" sldId="928"/>
            <ac:spMk id="8" creationId="{20366B1F-F62C-5CBC-2FFF-D5A5C791A4CA}"/>
          </ac:spMkLst>
        </pc:spChg>
        <pc:spChg chg="add mod">
          <ac:chgData name="Aluffi, Pietro" userId="810df28b-0e6a-47dc-86dd-8f68aed2c426" providerId="ADAL" clId="{40696A6E-4A7F-E443-856C-D716A3E160E2}" dt="2023-05-07T20:43:48.530" v="2729" actId="1076"/>
          <ac:spMkLst>
            <pc:docMk/>
            <pc:sldMk cId="4192117130" sldId="928"/>
            <ac:spMk id="9" creationId="{A7F96027-193A-1518-E28C-3E99119948CF}"/>
          </ac:spMkLst>
        </pc:spChg>
        <pc:spChg chg="add mod">
          <ac:chgData name="Aluffi, Pietro" userId="810df28b-0e6a-47dc-86dd-8f68aed2c426" providerId="ADAL" clId="{40696A6E-4A7F-E443-856C-D716A3E160E2}" dt="2023-05-07T20:43:54.064" v="2730" actId="1076"/>
          <ac:spMkLst>
            <pc:docMk/>
            <pc:sldMk cId="4192117130" sldId="928"/>
            <ac:spMk id="10" creationId="{9D6626F2-2688-05BE-0308-C04E69CB2B09}"/>
          </ac:spMkLst>
        </pc:spChg>
        <pc:spChg chg="add del mod">
          <ac:chgData name="Aluffi, Pietro" userId="810df28b-0e6a-47dc-86dd-8f68aed2c426" providerId="ADAL" clId="{40696A6E-4A7F-E443-856C-D716A3E160E2}" dt="2023-05-07T20:44:00.967" v="2731" actId="478"/>
          <ac:spMkLst>
            <pc:docMk/>
            <pc:sldMk cId="4192117130" sldId="928"/>
            <ac:spMk id="13" creationId="{30CFA5D1-127A-0178-91A0-AA71ABFACDA5}"/>
          </ac:spMkLst>
        </pc:spChg>
        <pc:spChg chg="add del mod">
          <ac:chgData name="Aluffi, Pietro" userId="810df28b-0e6a-47dc-86dd-8f68aed2c426" providerId="ADAL" clId="{40696A6E-4A7F-E443-856C-D716A3E160E2}" dt="2023-05-07T20:40:00.660" v="2695" actId="478"/>
          <ac:spMkLst>
            <pc:docMk/>
            <pc:sldMk cId="4192117130" sldId="928"/>
            <ac:spMk id="14" creationId="{773CA0CA-169E-067C-6642-207ECF760D75}"/>
          </ac:spMkLst>
        </pc:spChg>
        <pc:spChg chg="add del mod">
          <ac:chgData name="Aluffi, Pietro" userId="810df28b-0e6a-47dc-86dd-8f68aed2c426" providerId="ADAL" clId="{40696A6E-4A7F-E443-856C-D716A3E160E2}" dt="2023-05-07T20:44:06.013" v="2734" actId="478"/>
          <ac:spMkLst>
            <pc:docMk/>
            <pc:sldMk cId="4192117130" sldId="928"/>
            <ac:spMk id="15" creationId="{3C2C2159-D7B7-F0B8-36D6-88B135373429}"/>
          </ac:spMkLst>
        </pc:spChg>
        <pc:spChg chg="add del mod">
          <ac:chgData name="Aluffi, Pietro" userId="810df28b-0e6a-47dc-86dd-8f68aed2c426" providerId="ADAL" clId="{40696A6E-4A7F-E443-856C-D716A3E160E2}" dt="2023-05-07T20:38:16.868" v="2681" actId="478"/>
          <ac:spMkLst>
            <pc:docMk/>
            <pc:sldMk cId="4192117130" sldId="928"/>
            <ac:spMk id="17" creationId="{2161DCCB-6B75-A2CB-9D5A-18CB85D7970E}"/>
          </ac:spMkLst>
        </pc:spChg>
        <pc:spChg chg="add mod">
          <ac:chgData name="Aluffi, Pietro" userId="810df28b-0e6a-47dc-86dd-8f68aed2c426" providerId="ADAL" clId="{40696A6E-4A7F-E443-856C-D716A3E160E2}" dt="2023-05-07T20:43:22.084" v="2717" actId="164"/>
          <ac:spMkLst>
            <pc:docMk/>
            <pc:sldMk cId="4192117130" sldId="928"/>
            <ac:spMk id="18" creationId="{F8828CCD-540F-703D-8C34-62D43776B422}"/>
          </ac:spMkLst>
        </pc:spChg>
        <pc:spChg chg="add mod">
          <ac:chgData name="Aluffi, Pietro" userId="810df28b-0e6a-47dc-86dd-8f68aed2c426" providerId="ADAL" clId="{40696A6E-4A7F-E443-856C-D716A3E160E2}" dt="2023-05-07T20:43:22.084" v="2717" actId="164"/>
          <ac:spMkLst>
            <pc:docMk/>
            <pc:sldMk cId="4192117130" sldId="928"/>
            <ac:spMk id="19" creationId="{54FAFD4E-3835-B4B2-888E-B2E45E4962E4}"/>
          </ac:spMkLst>
        </pc:spChg>
        <pc:spChg chg="mod">
          <ac:chgData name="Aluffi, Pietro" userId="810df28b-0e6a-47dc-86dd-8f68aed2c426" providerId="ADAL" clId="{40696A6E-4A7F-E443-856C-D716A3E160E2}" dt="2023-05-07T20:44:02.380" v="2732"/>
          <ac:spMkLst>
            <pc:docMk/>
            <pc:sldMk cId="4192117130" sldId="928"/>
            <ac:spMk id="26" creationId="{0DA4BCC9-218C-8633-4D4E-45CC03AD4DF6}"/>
          </ac:spMkLst>
        </pc:spChg>
        <pc:spChg chg="mod">
          <ac:chgData name="Aluffi, Pietro" userId="810df28b-0e6a-47dc-86dd-8f68aed2c426" providerId="ADAL" clId="{40696A6E-4A7F-E443-856C-D716A3E160E2}" dt="2023-05-07T20:48:46.339" v="2793" actId="20577"/>
          <ac:spMkLst>
            <pc:docMk/>
            <pc:sldMk cId="4192117130" sldId="928"/>
            <ac:spMk id="27" creationId="{5DD8EA3B-EA63-A94A-A302-3FBD9F2CDBF1}"/>
          </ac:spMkLst>
        </pc:spChg>
        <pc:spChg chg="mod">
          <ac:chgData name="Aluffi, Pietro" userId="810df28b-0e6a-47dc-86dd-8f68aed2c426" providerId="ADAL" clId="{40696A6E-4A7F-E443-856C-D716A3E160E2}" dt="2023-05-07T20:49:08.241" v="2822" actId="20577"/>
          <ac:spMkLst>
            <pc:docMk/>
            <pc:sldMk cId="4192117130" sldId="928"/>
            <ac:spMk id="28" creationId="{E86BFC24-0CBE-4377-9383-26D725AEFBC3}"/>
          </ac:spMkLst>
        </pc:spChg>
        <pc:grpChg chg="add mod">
          <ac:chgData name="Aluffi, Pietro" userId="810df28b-0e6a-47dc-86dd-8f68aed2c426" providerId="ADAL" clId="{40696A6E-4A7F-E443-856C-D716A3E160E2}" dt="2023-05-07T20:43:39.031" v="2728" actId="1076"/>
          <ac:grpSpMkLst>
            <pc:docMk/>
            <pc:sldMk cId="4192117130" sldId="928"/>
            <ac:grpSpMk id="22" creationId="{17B38048-DD2F-9B24-C6A5-B08570742BE3}"/>
          </ac:grpSpMkLst>
        </pc:grpChg>
        <pc:grpChg chg="add mod">
          <ac:chgData name="Aluffi, Pietro" userId="810df28b-0e6a-47dc-86dd-8f68aed2c426" providerId="ADAL" clId="{40696A6E-4A7F-E443-856C-D716A3E160E2}" dt="2023-05-07T20:44:24.965" v="2736" actId="1076"/>
          <ac:grpSpMkLst>
            <pc:docMk/>
            <pc:sldMk cId="4192117130" sldId="928"/>
            <ac:grpSpMk id="23" creationId="{2BC69858-82AD-6251-7B3D-AC480FF4C36B}"/>
          </ac:grpSpMkLst>
        </pc:grpChg>
        <pc:picChg chg="add mod">
          <ac:chgData name="Aluffi, Pietro" userId="810df28b-0e6a-47dc-86dd-8f68aed2c426" providerId="ADAL" clId="{40696A6E-4A7F-E443-856C-D716A3E160E2}" dt="2023-05-07T20:43:22.084" v="2717" actId="164"/>
          <ac:picMkLst>
            <pc:docMk/>
            <pc:sldMk cId="4192117130" sldId="928"/>
            <ac:picMk id="3" creationId="{E21C27EC-A081-AE62-377A-169F9A0DC62B}"/>
          </ac:picMkLst>
        </pc:picChg>
        <pc:picChg chg="add del mod">
          <ac:chgData name="Aluffi, Pietro" userId="810df28b-0e6a-47dc-86dd-8f68aed2c426" providerId="ADAL" clId="{40696A6E-4A7F-E443-856C-D716A3E160E2}" dt="2023-05-07T20:27:16.806" v="2597" actId="478"/>
          <ac:picMkLst>
            <pc:docMk/>
            <pc:sldMk cId="4192117130" sldId="928"/>
            <ac:picMk id="5" creationId="{73C93AF1-D8DE-52DD-2DD7-3E42E506D25A}"/>
          </ac:picMkLst>
        </pc:picChg>
        <pc:picChg chg="add mod">
          <ac:chgData name="Aluffi, Pietro" userId="810df28b-0e6a-47dc-86dd-8f68aed2c426" providerId="ADAL" clId="{40696A6E-4A7F-E443-856C-D716A3E160E2}" dt="2023-05-07T20:43:22.084" v="2717" actId="164"/>
          <ac:picMkLst>
            <pc:docMk/>
            <pc:sldMk cId="4192117130" sldId="928"/>
            <ac:picMk id="7" creationId="{B7709190-D688-513A-969F-98B237A91B6C}"/>
          </ac:picMkLst>
        </pc:picChg>
        <pc:picChg chg="add del mod">
          <ac:chgData name="Aluffi, Pietro" userId="810df28b-0e6a-47dc-86dd-8f68aed2c426" providerId="ADAL" clId="{40696A6E-4A7F-E443-856C-D716A3E160E2}" dt="2023-05-07T20:44:03.657" v="2733" actId="478"/>
          <ac:picMkLst>
            <pc:docMk/>
            <pc:sldMk cId="4192117130" sldId="928"/>
            <ac:picMk id="11" creationId="{C626F9A7-4F7D-B5ED-219E-456270D8C00A}"/>
          </ac:picMkLst>
        </pc:picChg>
        <pc:picChg chg="add del mod">
          <ac:chgData name="Aluffi, Pietro" userId="810df28b-0e6a-47dc-86dd-8f68aed2c426" providerId="ADAL" clId="{40696A6E-4A7F-E443-856C-D716A3E160E2}" dt="2023-05-07T20:40:55.487" v="2714" actId="478"/>
          <ac:picMkLst>
            <pc:docMk/>
            <pc:sldMk cId="4192117130" sldId="928"/>
            <ac:picMk id="12" creationId="{592A9696-4B8C-94EB-A913-A1A05B66EB79}"/>
          </ac:picMkLst>
        </pc:picChg>
        <pc:picChg chg="add del mod">
          <ac:chgData name="Aluffi, Pietro" userId="810df28b-0e6a-47dc-86dd-8f68aed2c426" providerId="ADAL" clId="{40696A6E-4A7F-E443-856C-D716A3E160E2}" dt="2023-05-07T20:44:07.487" v="2735" actId="478"/>
          <ac:picMkLst>
            <pc:docMk/>
            <pc:sldMk cId="4192117130" sldId="928"/>
            <ac:picMk id="21" creationId="{DBB5097D-42D2-423B-0426-CA4BBB9A60A0}"/>
          </ac:picMkLst>
        </pc:picChg>
        <pc:picChg chg="del mod">
          <ac:chgData name="Aluffi, Pietro" userId="810df28b-0e6a-47dc-86dd-8f68aed2c426" providerId="ADAL" clId="{40696A6E-4A7F-E443-856C-D716A3E160E2}" dt="2023-05-07T20:46:59.990" v="2748" actId="478"/>
          <ac:picMkLst>
            <pc:docMk/>
            <pc:sldMk cId="4192117130" sldId="928"/>
            <ac:picMk id="24" creationId="{8912A1BB-4B9E-B245-E898-C6BD5EDD8544}"/>
          </ac:picMkLst>
        </pc:picChg>
        <pc:picChg chg="del mod">
          <ac:chgData name="Aluffi, Pietro" userId="810df28b-0e6a-47dc-86dd-8f68aed2c426" providerId="ADAL" clId="{40696A6E-4A7F-E443-856C-D716A3E160E2}" dt="2023-05-07T20:46:01.010" v="2738" actId="478"/>
          <ac:picMkLst>
            <pc:docMk/>
            <pc:sldMk cId="4192117130" sldId="928"/>
            <ac:picMk id="25" creationId="{C0DB7903-0076-CE09-4275-20A722F03B37}"/>
          </ac:picMkLst>
        </pc:picChg>
        <pc:picChg chg="add mod">
          <ac:chgData name="Aluffi, Pietro" userId="810df28b-0e6a-47dc-86dd-8f68aed2c426" providerId="ADAL" clId="{40696A6E-4A7F-E443-856C-D716A3E160E2}" dt="2023-05-07T20:47:58.329" v="2758" actId="1076"/>
          <ac:picMkLst>
            <pc:docMk/>
            <pc:sldMk cId="4192117130" sldId="928"/>
            <ac:picMk id="29" creationId="{C1AF8FBD-925E-0EC1-7761-EB4FD09CD6F0}"/>
          </ac:picMkLst>
        </pc:picChg>
        <pc:picChg chg="add del mod">
          <ac:chgData name="Aluffi, Pietro" userId="810df28b-0e6a-47dc-86dd-8f68aed2c426" providerId="ADAL" clId="{40696A6E-4A7F-E443-856C-D716A3E160E2}" dt="2023-05-07T20:47:12.218" v="2754" actId="478"/>
          <ac:picMkLst>
            <pc:docMk/>
            <pc:sldMk cId="4192117130" sldId="928"/>
            <ac:picMk id="30" creationId="{8C1D30E9-CB67-1A13-5FCD-44751B2D282B}"/>
          </ac:picMkLst>
        </pc:picChg>
        <pc:picChg chg="add del mod">
          <ac:chgData name="Aluffi, Pietro" userId="810df28b-0e6a-47dc-86dd-8f68aed2c426" providerId="ADAL" clId="{40696A6E-4A7F-E443-856C-D716A3E160E2}" dt="2023-05-07T20:47:11.517" v="2753" actId="478"/>
          <ac:picMkLst>
            <pc:docMk/>
            <pc:sldMk cId="4192117130" sldId="928"/>
            <ac:picMk id="31" creationId="{A39A7261-3C11-3620-BD1A-1565BF3DF6E8}"/>
          </ac:picMkLst>
        </pc:picChg>
        <pc:picChg chg="add mod">
          <ac:chgData name="Aluffi, Pietro" userId="810df28b-0e6a-47dc-86dd-8f68aed2c426" providerId="ADAL" clId="{40696A6E-4A7F-E443-856C-D716A3E160E2}" dt="2023-05-07T20:47:48.648" v="2757" actId="1076"/>
          <ac:picMkLst>
            <pc:docMk/>
            <pc:sldMk cId="4192117130" sldId="928"/>
            <ac:picMk id="33" creationId="{B4468CAF-8120-EB25-FE6B-89BF06F64BB9}"/>
          </ac:picMkLst>
        </pc:picChg>
      </pc:sldChg>
      <pc:sldChg chg="add">
        <pc:chgData name="Aluffi, Pietro" userId="810df28b-0e6a-47dc-86dd-8f68aed2c426" providerId="ADAL" clId="{40696A6E-4A7F-E443-856C-D716A3E160E2}" dt="2023-05-06T14:01:02.416" v="1177"/>
        <pc:sldMkLst>
          <pc:docMk/>
          <pc:sldMk cId="1993164713" sldId="929"/>
        </pc:sldMkLst>
      </pc:sldChg>
      <pc:sldChg chg="addSp modSp add mod">
        <pc:chgData name="Aluffi, Pietro" userId="810df28b-0e6a-47dc-86dd-8f68aed2c426" providerId="ADAL" clId="{40696A6E-4A7F-E443-856C-D716A3E160E2}" dt="2023-05-06T14:43:37.051" v="2351"/>
        <pc:sldMkLst>
          <pc:docMk/>
          <pc:sldMk cId="693032667" sldId="930"/>
        </pc:sldMkLst>
        <pc:spChg chg="add mod">
          <ac:chgData name="Aluffi, Pietro" userId="810df28b-0e6a-47dc-86dd-8f68aed2c426" providerId="ADAL" clId="{40696A6E-4A7F-E443-856C-D716A3E160E2}" dt="2023-05-06T14:43:24.189" v="2350" actId="1076"/>
          <ac:spMkLst>
            <pc:docMk/>
            <pc:sldMk cId="693032667" sldId="930"/>
            <ac:spMk id="5" creationId="{2F675775-B491-2699-6A1D-74C37F4314DF}"/>
          </ac:spMkLst>
        </pc:spChg>
        <pc:spChg chg="mod">
          <ac:chgData name="Aluffi, Pietro" userId="810df28b-0e6a-47dc-86dd-8f68aed2c426" providerId="ADAL" clId="{40696A6E-4A7F-E443-856C-D716A3E160E2}" dt="2023-05-06T14:42:54.386" v="2317"/>
          <ac:spMkLst>
            <pc:docMk/>
            <pc:sldMk cId="693032667" sldId="930"/>
            <ac:spMk id="11" creationId="{D25FAC04-6355-ACC2-E01C-F02F43FAC4E0}"/>
          </ac:spMkLst>
        </pc:spChg>
        <pc:spChg chg="mod">
          <ac:chgData name="Aluffi, Pietro" userId="810df28b-0e6a-47dc-86dd-8f68aed2c426" providerId="ADAL" clId="{40696A6E-4A7F-E443-856C-D716A3E160E2}" dt="2023-05-06T14:43:37.051" v="2351"/>
          <ac:spMkLst>
            <pc:docMk/>
            <pc:sldMk cId="693032667" sldId="930"/>
            <ac:spMk id="12" creationId="{818AF0B3-A0A6-4EC5-ECAF-3EE1F4116A69}"/>
          </ac:spMkLst>
        </pc:spChg>
        <pc:cxnChg chg="mod">
          <ac:chgData name="Aluffi, Pietro" userId="810df28b-0e6a-47dc-86dd-8f68aed2c426" providerId="ADAL" clId="{40696A6E-4A7F-E443-856C-D716A3E160E2}" dt="2023-05-06T14:43:22.692" v="2348" actId="1036"/>
          <ac:cxnSpMkLst>
            <pc:docMk/>
            <pc:sldMk cId="693032667" sldId="930"/>
            <ac:cxnSpMk id="20" creationId="{B4542510-8A9F-54D2-65F5-692EB9DACE37}"/>
          </ac:cxnSpMkLst>
        </pc:cxnChg>
        <pc:cxnChg chg="mod">
          <ac:chgData name="Aluffi, Pietro" userId="810df28b-0e6a-47dc-86dd-8f68aed2c426" providerId="ADAL" clId="{40696A6E-4A7F-E443-856C-D716A3E160E2}" dt="2023-05-06T14:43:22.692" v="2348" actId="1036"/>
          <ac:cxnSpMkLst>
            <pc:docMk/>
            <pc:sldMk cId="693032667" sldId="930"/>
            <ac:cxnSpMk id="22" creationId="{7EE07E01-D10B-38E1-972D-40043DBDB428}"/>
          </ac:cxnSpMkLst>
        </pc:cxnChg>
        <pc:cxnChg chg="mod">
          <ac:chgData name="Aluffi, Pietro" userId="810df28b-0e6a-47dc-86dd-8f68aed2c426" providerId="ADAL" clId="{40696A6E-4A7F-E443-856C-D716A3E160E2}" dt="2023-05-06T14:43:22.692" v="2348" actId="1036"/>
          <ac:cxnSpMkLst>
            <pc:docMk/>
            <pc:sldMk cId="693032667" sldId="930"/>
            <ac:cxnSpMk id="24" creationId="{010B791B-CD72-45BE-2C57-7EC2E9C3D41D}"/>
          </ac:cxnSpMkLst>
        </pc:cxnChg>
      </pc:sldChg>
      <pc:sldChg chg="add del setBg">
        <pc:chgData name="Aluffi, Pietro" userId="810df28b-0e6a-47dc-86dd-8f68aed2c426" providerId="ADAL" clId="{40696A6E-4A7F-E443-856C-D716A3E160E2}" dt="2023-05-07T19:55:25.987" v="2526"/>
        <pc:sldMkLst>
          <pc:docMk/>
          <pc:sldMk cId="569540959" sldId="931"/>
        </pc:sldMkLst>
      </pc:sldChg>
      <pc:sldChg chg="addSp delSp modSp add mod setBg">
        <pc:chgData name="Aluffi, Pietro" userId="810df28b-0e6a-47dc-86dd-8f68aed2c426" providerId="ADAL" clId="{40696A6E-4A7F-E443-856C-D716A3E160E2}" dt="2023-05-07T20:19:49.968" v="2555" actId="1076"/>
        <pc:sldMkLst>
          <pc:docMk/>
          <pc:sldMk cId="1380737693" sldId="931"/>
        </pc:sldMkLst>
        <pc:spChg chg="add del mod">
          <ac:chgData name="Aluffi, Pietro" userId="810df28b-0e6a-47dc-86dd-8f68aed2c426" providerId="ADAL" clId="{40696A6E-4A7F-E443-856C-D716A3E160E2}" dt="2023-05-07T19:55:36.754" v="2530"/>
          <ac:spMkLst>
            <pc:docMk/>
            <pc:sldMk cId="1380737693" sldId="931"/>
            <ac:spMk id="2" creationId="{DB92E524-6764-1B1B-CB4B-7C62328B7F9A}"/>
          </ac:spMkLst>
        </pc:spChg>
        <pc:picChg chg="add mod">
          <ac:chgData name="Aluffi, Pietro" userId="810df28b-0e6a-47dc-86dd-8f68aed2c426" providerId="ADAL" clId="{40696A6E-4A7F-E443-856C-D716A3E160E2}" dt="2023-05-07T20:14:58.273" v="2535" actId="1076"/>
          <ac:picMkLst>
            <pc:docMk/>
            <pc:sldMk cId="1380737693" sldId="931"/>
            <ac:picMk id="4" creationId="{A90351C3-5C5F-4D3E-8670-5F3CE1E67EF8}"/>
          </ac:picMkLst>
        </pc:picChg>
        <pc:picChg chg="add mod">
          <ac:chgData name="Aluffi, Pietro" userId="810df28b-0e6a-47dc-86dd-8f68aed2c426" providerId="ADAL" clId="{40696A6E-4A7F-E443-856C-D716A3E160E2}" dt="2023-05-07T20:15:52.790" v="2540" actId="1076"/>
          <ac:picMkLst>
            <pc:docMk/>
            <pc:sldMk cId="1380737693" sldId="931"/>
            <ac:picMk id="6" creationId="{DC186019-2C4B-DB4A-9072-B3FD44166CAA}"/>
          </ac:picMkLst>
        </pc:picChg>
        <pc:picChg chg="add mod">
          <ac:chgData name="Aluffi, Pietro" userId="810df28b-0e6a-47dc-86dd-8f68aed2c426" providerId="ADAL" clId="{40696A6E-4A7F-E443-856C-D716A3E160E2}" dt="2023-05-07T20:19:01.273" v="2547" actId="1076"/>
          <ac:picMkLst>
            <pc:docMk/>
            <pc:sldMk cId="1380737693" sldId="931"/>
            <ac:picMk id="8" creationId="{CFA5DD04-FCF8-2B0F-BDF0-E1C6E2F92D21}"/>
          </ac:picMkLst>
        </pc:picChg>
        <pc:picChg chg="add mod">
          <ac:chgData name="Aluffi, Pietro" userId="810df28b-0e6a-47dc-86dd-8f68aed2c426" providerId="ADAL" clId="{40696A6E-4A7F-E443-856C-D716A3E160E2}" dt="2023-05-07T20:19:49.968" v="2555" actId="1076"/>
          <ac:picMkLst>
            <pc:docMk/>
            <pc:sldMk cId="1380737693" sldId="931"/>
            <ac:picMk id="10" creationId="{EFBABAC7-C335-5244-7FC3-B18DBFEA0859}"/>
          </ac:picMkLst>
        </pc:picChg>
      </pc:sldChg>
      <pc:sldChg chg="addSp delSp modSp add mod ord setBg">
        <pc:chgData name="Aluffi, Pietro" userId="810df28b-0e6a-47dc-86dd-8f68aed2c426" providerId="ADAL" clId="{40696A6E-4A7F-E443-856C-D716A3E160E2}" dt="2023-05-08T09:21:36.752" v="2917" actId="1037"/>
        <pc:sldMkLst>
          <pc:docMk/>
          <pc:sldMk cId="1783801014" sldId="932"/>
        </pc:sldMkLst>
        <pc:spChg chg="del">
          <ac:chgData name="Aluffi, Pietro" userId="810df28b-0e6a-47dc-86dd-8f68aed2c426" providerId="ADAL" clId="{40696A6E-4A7F-E443-856C-D716A3E160E2}" dt="2023-05-08T09:18:17.163" v="2902" actId="478"/>
          <ac:spMkLst>
            <pc:docMk/>
            <pc:sldMk cId="1783801014" sldId="932"/>
            <ac:spMk id="2" creationId="{E94B0BCA-4F5F-4013-85EF-9B92FCD581B6}"/>
          </ac:spMkLst>
        </pc:spChg>
        <pc:spChg chg="del">
          <ac:chgData name="Aluffi, Pietro" userId="810df28b-0e6a-47dc-86dd-8f68aed2c426" providerId="ADAL" clId="{40696A6E-4A7F-E443-856C-D716A3E160E2}" dt="2023-05-08T09:18:00.578" v="2899" actId="478"/>
          <ac:spMkLst>
            <pc:docMk/>
            <pc:sldMk cId="1783801014" sldId="932"/>
            <ac:spMk id="3" creationId="{B3A452BF-BC7E-4241-8028-121E88C1F22B}"/>
          </ac:spMkLst>
        </pc:spChg>
        <pc:spChg chg="add del mod">
          <ac:chgData name="Aluffi, Pietro" userId="810df28b-0e6a-47dc-86dd-8f68aed2c426" providerId="ADAL" clId="{40696A6E-4A7F-E443-856C-D716A3E160E2}" dt="2023-05-08T09:18:05.345" v="2901" actId="478"/>
          <ac:spMkLst>
            <pc:docMk/>
            <pc:sldMk cId="1783801014" sldId="932"/>
            <ac:spMk id="5" creationId="{46F1F848-4A9C-508E-F9DF-93F2845C2FD2}"/>
          </ac:spMkLst>
        </pc:spChg>
        <pc:spChg chg="add mod">
          <ac:chgData name="Aluffi, Pietro" userId="810df28b-0e6a-47dc-86dd-8f68aed2c426" providerId="ADAL" clId="{40696A6E-4A7F-E443-856C-D716A3E160E2}" dt="2023-05-08T09:18:01.116" v="2900"/>
          <ac:spMkLst>
            <pc:docMk/>
            <pc:sldMk cId="1783801014" sldId="932"/>
            <ac:spMk id="7" creationId="{9187BEF1-64DF-8C07-62AE-CF0F6799675F}"/>
          </ac:spMkLst>
        </pc:spChg>
        <pc:spChg chg="add del mod">
          <ac:chgData name="Aluffi, Pietro" userId="810df28b-0e6a-47dc-86dd-8f68aed2c426" providerId="ADAL" clId="{40696A6E-4A7F-E443-856C-D716A3E160E2}" dt="2023-05-08T09:18:19.262" v="2904" actId="478"/>
          <ac:spMkLst>
            <pc:docMk/>
            <pc:sldMk cId="1783801014" sldId="932"/>
            <ac:spMk id="9" creationId="{CAA1264E-A466-FB42-8CF7-D57274B39E80}"/>
          </ac:spMkLst>
        </pc:spChg>
        <pc:spChg chg="add mod">
          <ac:chgData name="Aluffi, Pietro" userId="810df28b-0e6a-47dc-86dd-8f68aed2c426" providerId="ADAL" clId="{40696A6E-4A7F-E443-856C-D716A3E160E2}" dt="2023-05-08T09:18:17.461" v="2903"/>
          <ac:spMkLst>
            <pc:docMk/>
            <pc:sldMk cId="1783801014" sldId="932"/>
            <ac:spMk id="10" creationId="{00EB1A34-57D8-942C-3781-51F7C17CEFA5}"/>
          </ac:spMkLst>
        </pc:spChg>
        <pc:picChg chg="add mod">
          <ac:chgData name="Aluffi, Pietro" userId="810df28b-0e6a-47dc-86dd-8f68aed2c426" providerId="ADAL" clId="{40696A6E-4A7F-E443-856C-D716A3E160E2}" dt="2023-05-08T09:21:36.752" v="2917" actId="1037"/>
          <ac:picMkLst>
            <pc:docMk/>
            <pc:sldMk cId="1783801014" sldId="932"/>
            <ac:picMk id="11" creationId="{FF7CC599-B05E-928C-7EF9-822F65489699}"/>
          </ac:picMkLst>
        </pc:picChg>
      </pc:sldChg>
    </pc:docChg>
  </pc:docChgLst>
  <pc:docChgLst>
    <pc:chgData name="Stachl, Clemens" userId="S::clemens.stachl@unisg.ch::c0094708-3af3-40cb-988b-a2e4b839b8f7" providerId="AD" clId="Web-{37D386DA-6160-6340-0CE7-1D3442996D61}"/>
    <pc:docChg chg="addSld modSld">
      <pc:chgData name="Stachl, Clemens" userId="S::clemens.stachl@unisg.ch::c0094708-3af3-40cb-988b-a2e4b839b8f7" providerId="AD" clId="Web-{37D386DA-6160-6340-0CE7-1D3442996D61}" dt="2022-05-16T14:29:20.268" v="286" actId="20577"/>
      <pc:docMkLst>
        <pc:docMk/>
      </pc:docMkLst>
      <pc:sldChg chg="modSp">
        <pc:chgData name="Stachl, Clemens" userId="S::clemens.stachl@unisg.ch::c0094708-3af3-40cb-988b-a2e4b839b8f7" providerId="AD" clId="Web-{37D386DA-6160-6340-0CE7-1D3442996D61}" dt="2022-05-16T14:29:20.268" v="286" actId="20577"/>
        <pc:sldMkLst>
          <pc:docMk/>
          <pc:sldMk cId="1060726166" sldId="773"/>
        </pc:sldMkLst>
        <pc:spChg chg="mod">
          <ac:chgData name="Stachl, Clemens" userId="S::clemens.stachl@unisg.ch::c0094708-3af3-40cb-988b-a2e4b839b8f7" providerId="AD" clId="Web-{37D386DA-6160-6340-0CE7-1D3442996D61}" dt="2022-05-16T14:29:20.268" v="286" actId="20577"/>
          <ac:spMkLst>
            <pc:docMk/>
            <pc:sldMk cId="1060726166" sldId="773"/>
            <ac:spMk id="3" creationId="{272D3FDA-E770-4F60-89D7-D15D65A21C70}"/>
          </ac:spMkLst>
        </pc:spChg>
      </pc:sldChg>
      <pc:sldChg chg="modSp">
        <pc:chgData name="Stachl, Clemens" userId="S::clemens.stachl@unisg.ch::c0094708-3af3-40cb-988b-a2e4b839b8f7" providerId="AD" clId="Web-{37D386DA-6160-6340-0CE7-1D3442996D61}" dt="2022-05-16T14:26:45.546" v="158" actId="20577"/>
        <pc:sldMkLst>
          <pc:docMk/>
          <pc:sldMk cId="545875846" sldId="775"/>
        </pc:sldMkLst>
        <pc:spChg chg="mod">
          <ac:chgData name="Stachl, Clemens" userId="S::clemens.stachl@unisg.ch::c0094708-3af3-40cb-988b-a2e4b839b8f7" providerId="AD" clId="Web-{37D386DA-6160-6340-0CE7-1D3442996D61}" dt="2022-05-16T14:26:45.546" v="158" actId="20577"/>
          <ac:spMkLst>
            <pc:docMk/>
            <pc:sldMk cId="545875846" sldId="775"/>
            <ac:spMk id="3" creationId="{5847790E-55C3-4616-B8BD-894308270FD3}"/>
          </ac:spMkLst>
        </pc:spChg>
        <pc:spChg chg="mod">
          <ac:chgData name="Stachl, Clemens" userId="S::clemens.stachl@unisg.ch::c0094708-3af3-40cb-988b-a2e4b839b8f7" providerId="AD" clId="Web-{37D386DA-6160-6340-0CE7-1D3442996D61}" dt="2022-05-16T14:25:16.341" v="44" actId="20577"/>
          <ac:spMkLst>
            <pc:docMk/>
            <pc:sldMk cId="545875846" sldId="775"/>
            <ac:spMk id="19" creationId="{17BA4066-54F2-40DB-B61A-445A00112AA7}"/>
          </ac:spMkLst>
        </pc:spChg>
      </pc:sldChg>
      <pc:sldChg chg="add replId">
        <pc:chgData name="Stachl, Clemens" userId="S::clemens.stachl@unisg.ch::c0094708-3af3-40cb-988b-a2e4b839b8f7" providerId="AD" clId="Web-{37D386DA-6160-6340-0CE7-1D3442996D61}" dt="2022-05-16T14:24:53.418" v="0"/>
        <pc:sldMkLst>
          <pc:docMk/>
          <pc:sldMk cId="1868121453" sldId="815"/>
        </pc:sldMkLst>
      </pc:sldChg>
    </pc:docChg>
  </pc:docChgLst>
  <pc:docChgLst>
    <pc:chgData name="Aluffi, Pietro" userId="810df28b-0e6a-47dc-86dd-8f68aed2c426" providerId="ADAL" clId="{D65D6526-54D0-5245-9D8F-865B0F2514F1}"/>
    <pc:docChg chg="undo redo custSel addSld delSld modSld sldOrd">
      <pc:chgData name="Aluffi, Pietro" userId="810df28b-0e6a-47dc-86dd-8f68aed2c426" providerId="ADAL" clId="{D65D6526-54D0-5245-9D8F-865B0F2514F1}" dt="2022-05-31T15:47:20.833" v="482" actId="20577"/>
      <pc:docMkLst>
        <pc:docMk/>
      </pc:docMkLst>
      <pc:sldChg chg="addSp delSp modSp mod">
        <pc:chgData name="Aluffi, Pietro" userId="810df28b-0e6a-47dc-86dd-8f68aed2c426" providerId="ADAL" clId="{D65D6526-54D0-5245-9D8F-865B0F2514F1}" dt="2022-05-16T16:19:06.779" v="356"/>
        <pc:sldMkLst>
          <pc:docMk/>
          <pc:sldMk cId="1027030971" sldId="260"/>
        </pc:sldMkLst>
        <pc:spChg chg="mod">
          <ac:chgData name="Aluffi, Pietro" userId="810df28b-0e6a-47dc-86dd-8f68aed2c426" providerId="ADAL" clId="{D65D6526-54D0-5245-9D8F-865B0F2514F1}" dt="2022-05-16T16:19:05.253" v="353" actId="20577"/>
          <ac:spMkLst>
            <pc:docMk/>
            <pc:sldMk cId="1027030971" sldId="260"/>
            <ac:spMk id="3" creationId="{B3A452BF-BC7E-4241-8028-121E88C1F22B}"/>
          </ac:spMkLst>
        </pc:spChg>
        <pc:picChg chg="add del mod">
          <ac:chgData name="Aluffi, Pietro" userId="810df28b-0e6a-47dc-86dd-8f68aed2c426" providerId="ADAL" clId="{D65D6526-54D0-5245-9D8F-865B0F2514F1}" dt="2022-05-16T16:08:23.476" v="183" actId="478"/>
          <ac:picMkLst>
            <pc:docMk/>
            <pc:sldMk cId="1027030971" sldId="260"/>
            <ac:picMk id="5" creationId="{5BA2CF96-F2DB-3430-14E2-B7374AE3ADCB}"/>
          </ac:picMkLst>
        </pc:picChg>
        <pc:picChg chg="add mod">
          <ac:chgData name="Aluffi, Pietro" userId="810df28b-0e6a-47dc-86dd-8f68aed2c426" providerId="ADAL" clId="{D65D6526-54D0-5245-9D8F-865B0F2514F1}" dt="2022-05-16T16:09:04.775" v="185"/>
          <ac:picMkLst>
            <pc:docMk/>
            <pc:sldMk cId="1027030971" sldId="260"/>
            <ac:picMk id="6" creationId="{6FCDCE6C-7B75-99F3-059B-73E2C55F5502}"/>
          </ac:picMkLst>
        </pc:picChg>
        <pc:picChg chg="add mod">
          <ac:chgData name="Aluffi, Pietro" userId="810df28b-0e6a-47dc-86dd-8f68aed2c426" providerId="ADAL" clId="{D65D6526-54D0-5245-9D8F-865B0F2514F1}" dt="2022-05-16T16:17:51.764" v="320" actId="14100"/>
          <ac:picMkLst>
            <pc:docMk/>
            <pc:sldMk cId="1027030971" sldId="260"/>
            <ac:picMk id="8" creationId="{CB251159-735C-3478-E978-6B0B4AED6A69}"/>
          </ac:picMkLst>
        </pc:picChg>
        <pc:picChg chg="add del mod">
          <ac:chgData name="Aluffi, Pietro" userId="810df28b-0e6a-47dc-86dd-8f68aed2c426" providerId="ADAL" clId="{D65D6526-54D0-5245-9D8F-865B0F2514F1}" dt="2022-05-16T16:17:55.616" v="323" actId="478"/>
          <ac:picMkLst>
            <pc:docMk/>
            <pc:sldMk cId="1027030971" sldId="260"/>
            <ac:picMk id="1026" creationId="{6AF4CC3C-BA05-8DE2-77C9-DD5BD7E154D4}"/>
          </ac:picMkLst>
        </pc:picChg>
        <pc:picChg chg="add del">
          <ac:chgData name="Aluffi, Pietro" userId="810df28b-0e6a-47dc-86dd-8f68aed2c426" providerId="ADAL" clId="{D65D6526-54D0-5245-9D8F-865B0F2514F1}" dt="2022-05-16T16:18:05.806" v="325" actId="478"/>
          <ac:picMkLst>
            <pc:docMk/>
            <pc:sldMk cId="1027030971" sldId="260"/>
            <ac:picMk id="1028" creationId="{A0C88CDA-24FD-D27A-961F-58616FD6384C}"/>
          </ac:picMkLst>
        </pc:picChg>
        <pc:picChg chg="add del mod">
          <ac:chgData name="Aluffi, Pietro" userId="810df28b-0e6a-47dc-86dd-8f68aed2c426" providerId="ADAL" clId="{D65D6526-54D0-5245-9D8F-865B0F2514F1}" dt="2022-05-16T16:18:24.764" v="332"/>
          <ac:picMkLst>
            <pc:docMk/>
            <pc:sldMk cId="1027030971" sldId="260"/>
            <ac:picMk id="1030" creationId="{82BACBB8-2AB3-3457-2AC4-411F68E58230}"/>
          </ac:picMkLst>
        </pc:picChg>
        <pc:picChg chg="add del mod">
          <ac:chgData name="Aluffi, Pietro" userId="810df28b-0e6a-47dc-86dd-8f68aed2c426" providerId="ADAL" clId="{D65D6526-54D0-5245-9D8F-865B0F2514F1}" dt="2022-05-16T16:19:06.779" v="356"/>
          <ac:picMkLst>
            <pc:docMk/>
            <pc:sldMk cId="1027030971" sldId="260"/>
            <ac:picMk id="1032" creationId="{A5E475D7-9BFD-7811-74CB-0AC9ACD1870C}"/>
          </ac:picMkLst>
        </pc:picChg>
      </pc:sldChg>
      <pc:sldChg chg="modSp mod">
        <pc:chgData name="Aluffi, Pietro" userId="810df28b-0e6a-47dc-86dd-8f68aed2c426" providerId="ADAL" clId="{D65D6526-54D0-5245-9D8F-865B0F2514F1}" dt="2022-05-16T16:22:21.268" v="373" actId="20577"/>
        <pc:sldMkLst>
          <pc:docMk/>
          <pc:sldMk cId="1060726166" sldId="773"/>
        </pc:sldMkLst>
        <pc:spChg chg="mod">
          <ac:chgData name="Aluffi, Pietro" userId="810df28b-0e6a-47dc-86dd-8f68aed2c426" providerId="ADAL" clId="{D65D6526-54D0-5245-9D8F-865B0F2514F1}" dt="2022-05-16T16:22:21.268" v="373" actId="20577"/>
          <ac:spMkLst>
            <pc:docMk/>
            <pc:sldMk cId="1060726166" sldId="773"/>
            <ac:spMk id="3" creationId="{272D3FDA-E770-4F60-89D7-D15D65A21C70}"/>
          </ac:spMkLst>
        </pc:spChg>
      </pc:sldChg>
      <pc:sldChg chg="addSp modSp mod">
        <pc:chgData name="Aluffi, Pietro" userId="810df28b-0e6a-47dc-86dd-8f68aed2c426" providerId="ADAL" clId="{D65D6526-54D0-5245-9D8F-865B0F2514F1}" dt="2022-05-16T16:25:01.755" v="434" actId="20577"/>
        <pc:sldMkLst>
          <pc:docMk/>
          <pc:sldMk cId="1170529924" sldId="809"/>
        </pc:sldMkLst>
        <pc:spChg chg="mod">
          <ac:chgData name="Aluffi, Pietro" userId="810df28b-0e6a-47dc-86dd-8f68aed2c426" providerId="ADAL" clId="{D65D6526-54D0-5245-9D8F-865B0F2514F1}" dt="2022-05-16T16:25:01.755" v="434" actId="20577"/>
          <ac:spMkLst>
            <pc:docMk/>
            <pc:sldMk cId="1170529924" sldId="809"/>
            <ac:spMk id="3" creationId="{272D3FDA-E770-4F60-89D7-D15D65A21C70}"/>
          </ac:spMkLst>
        </pc:spChg>
        <pc:picChg chg="add mod">
          <ac:chgData name="Aluffi, Pietro" userId="810df28b-0e6a-47dc-86dd-8f68aed2c426" providerId="ADAL" clId="{D65D6526-54D0-5245-9D8F-865B0F2514F1}" dt="2022-05-16T16:06:03.150" v="178" actId="207"/>
          <ac:picMkLst>
            <pc:docMk/>
            <pc:sldMk cId="1170529924" sldId="809"/>
            <ac:picMk id="5" creationId="{9C7807FD-8B03-48A3-065E-2233B3ED5325}"/>
          </ac:picMkLst>
        </pc:picChg>
      </pc:sldChg>
      <pc:sldChg chg="modSp mod">
        <pc:chgData name="Aluffi, Pietro" userId="810df28b-0e6a-47dc-86dd-8f68aed2c426" providerId="ADAL" clId="{D65D6526-54D0-5245-9D8F-865B0F2514F1}" dt="2022-05-16T15:32:43.094" v="135" actId="242"/>
        <pc:sldMkLst>
          <pc:docMk/>
          <pc:sldMk cId="1993635591" sldId="810"/>
        </pc:sldMkLst>
        <pc:spChg chg="mod">
          <ac:chgData name="Aluffi, Pietro" userId="810df28b-0e6a-47dc-86dd-8f68aed2c426" providerId="ADAL" clId="{D65D6526-54D0-5245-9D8F-865B0F2514F1}" dt="2022-05-16T15:32:43.094" v="135" actId="242"/>
          <ac:spMkLst>
            <pc:docMk/>
            <pc:sldMk cId="1993635591" sldId="810"/>
            <ac:spMk id="3" creationId="{272D3FDA-E770-4F60-89D7-D15D65A21C70}"/>
          </ac:spMkLst>
        </pc:spChg>
      </pc:sldChg>
      <pc:sldChg chg="modSp mod">
        <pc:chgData name="Aluffi, Pietro" userId="810df28b-0e6a-47dc-86dd-8f68aed2c426" providerId="ADAL" clId="{D65D6526-54D0-5245-9D8F-865B0F2514F1}" dt="2022-05-16T16:26:21.355" v="472" actId="20577"/>
        <pc:sldMkLst>
          <pc:docMk/>
          <pc:sldMk cId="1576090608" sldId="814"/>
        </pc:sldMkLst>
        <pc:spChg chg="mod">
          <ac:chgData name="Aluffi, Pietro" userId="810df28b-0e6a-47dc-86dd-8f68aed2c426" providerId="ADAL" clId="{D65D6526-54D0-5245-9D8F-865B0F2514F1}" dt="2022-05-16T14:39:15.574" v="0"/>
          <ac:spMkLst>
            <pc:docMk/>
            <pc:sldMk cId="1576090608" sldId="814"/>
            <ac:spMk id="2" creationId="{9691FC53-300C-4B82-9A4A-0A23B745070A}"/>
          </ac:spMkLst>
        </pc:spChg>
        <pc:spChg chg="mod">
          <ac:chgData name="Aluffi, Pietro" userId="810df28b-0e6a-47dc-86dd-8f68aed2c426" providerId="ADAL" clId="{D65D6526-54D0-5245-9D8F-865B0F2514F1}" dt="2022-05-16T16:26:21.355" v="472" actId="20577"/>
          <ac:spMkLst>
            <pc:docMk/>
            <pc:sldMk cId="1576090608" sldId="814"/>
            <ac:spMk id="3" creationId="{272D3FDA-E770-4F60-89D7-D15D65A21C70}"/>
          </ac:spMkLst>
        </pc:spChg>
      </pc:sldChg>
      <pc:sldChg chg="modSp mod">
        <pc:chgData name="Aluffi, Pietro" userId="810df28b-0e6a-47dc-86dd-8f68aed2c426" providerId="ADAL" clId="{D65D6526-54D0-5245-9D8F-865B0F2514F1}" dt="2022-05-16T15:53:47.612" v="153" actId="20577"/>
        <pc:sldMkLst>
          <pc:docMk/>
          <pc:sldMk cId="1868121453" sldId="815"/>
        </pc:sldMkLst>
        <pc:spChg chg="mod">
          <ac:chgData name="Aluffi, Pietro" userId="810df28b-0e6a-47dc-86dd-8f68aed2c426" providerId="ADAL" clId="{D65D6526-54D0-5245-9D8F-865B0F2514F1}" dt="2022-05-16T15:53:47.612" v="153" actId="20577"/>
          <ac:spMkLst>
            <pc:docMk/>
            <pc:sldMk cId="1868121453" sldId="815"/>
            <ac:spMk id="3" creationId="{5847790E-55C3-4616-B8BD-894308270FD3}"/>
          </ac:spMkLst>
        </pc:spChg>
      </pc:sldChg>
      <pc:sldChg chg="modNotesTx">
        <pc:chgData name="Aluffi, Pietro" userId="810df28b-0e6a-47dc-86dd-8f68aed2c426" providerId="ADAL" clId="{D65D6526-54D0-5245-9D8F-865B0F2514F1}" dt="2022-05-31T15:47:20.833" v="482" actId="20577"/>
        <pc:sldMkLst>
          <pc:docMk/>
          <pc:sldMk cId="1158557512" sldId="816"/>
        </pc:sldMkLst>
      </pc:sldChg>
      <pc:sldChg chg="addSp delSp modSp mod">
        <pc:chgData name="Aluffi, Pietro" userId="810df28b-0e6a-47dc-86dd-8f68aed2c426" providerId="ADAL" clId="{D65D6526-54D0-5245-9D8F-865B0F2514F1}" dt="2022-05-16T15:51:37.941" v="139" actId="478"/>
        <pc:sldMkLst>
          <pc:docMk/>
          <pc:sldMk cId="3349583587" sldId="817"/>
        </pc:sldMkLst>
        <pc:cxnChg chg="add del mod">
          <ac:chgData name="Aluffi, Pietro" userId="810df28b-0e6a-47dc-86dd-8f68aed2c426" providerId="ADAL" clId="{D65D6526-54D0-5245-9D8F-865B0F2514F1}" dt="2022-05-16T15:15:24.967" v="87" actId="478"/>
          <ac:cxnSpMkLst>
            <pc:docMk/>
            <pc:sldMk cId="3349583587" sldId="817"/>
            <ac:cxnSpMk id="13" creationId="{2D49E035-61A2-839D-AC69-F75D567D8BB4}"/>
          </ac:cxnSpMkLst>
        </pc:cxnChg>
        <pc:cxnChg chg="add del mod">
          <ac:chgData name="Aluffi, Pietro" userId="810df28b-0e6a-47dc-86dd-8f68aed2c426" providerId="ADAL" clId="{D65D6526-54D0-5245-9D8F-865B0F2514F1}" dt="2022-05-16T15:51:37.941" v="139" actId="478"/>
          <ac:cxnSpMkLst>
            <pc:docMk/>
            <pc:sldMk cId="3349583587" sldId="817"/>
            <ac:cxnSpMk id="17" creationId="{42B38BF6-593F-B252-086E-397D2747B74D}"/>
          </ac:cxnSpMkLst>
        </pc:cxnChg>
        <pc:cxnChg chg="add del mod">
          <ac:chgData name="Aluffi, Pietro" userId="810df28b-0e6a-47dc-86dd-8f68aed2c426" providerId="ADAL" clId="{D65D6526-54D0-5245-9D8F-865B0F2514F1}" dt="2022-05-16T15:16:44.136" v="104" actId="478"/>
          <ac:cxnSpMkLst>
            <pc:docMk/>
            <pc:sldMk cId="3349583587" sldId="817"/>
            <ac:cxnSpMk id="27" creationId="{8DB46176-9AD9-2A86-561C-4F18CCC297D0}"/>
          </ac:cxnSpMkLst>
        </pc:cxnChg>
        <pc:cxnChg chg="add del mod">
          <ac:chgData name="Aluffi, Pietro" userId="810df28b-0e6a-47dc-86dd-8f68aed2c426" providerId="ADAL" clId="{D65D6526-54D0-5245-9D8F-865B0F2514F1}" dt="2022-05-16T15:16:54.264" v="108" actId="11529"/>
          <ac:cxnSpMkLst>
            <pc:docMk/>
            <pc:sldMk cId="3349583587" sldId="817"/>
            <ac:cxnSpMk id="35" creationId="{BB8E845A-33A9-8C6A-B998-325A50DB323E}"/>
          </ac:cxnSpMkLst>
        </pc:cxnChg>
        <pc:cxnChg chg="add del mod">
          <ac:chgData name="Aluffi, Pietro" userId="810df28b-0e6a-47dc-86dd-8f68aed2c426" providerId="ADAL" clId="{D65D6526-54D0-5245-9D8F-865B0F2514F1}" dt="2022-05-16T15:17:47.451" v="124" actId="11529"/>
          <ac:cxnSpMkLst>
            <pc:docMk/>
            <pc:sldMk cId="3349583587" sldId="817"/>
            <ac:cxnSpMk id="38" creationId="{EA4C64F1-686F-CB37-CE97-630E0026CE9B}"/>
          </ac:cxnSpMkLst>
        </pc:cxnChg>
        <pc:cxnChg chg="mod">
          <ac:chgData name="Aluffi, Pietro" userId="810df28b-0e6a-47dc-86dd-8f68aed2c426" providerId="ADAL" clId="{D65D6526-54D0-5245-9D8F-865B0F2514F1}" dt="2022-05-16T15:14:08.960" v="62" actId="1076"/>
          <ac:cxnSpMkLst>
            <pc:docMk/>
            <pc:sldMk cId="3349583587" sldId="817"/>
            <ac:cxnSpMk id="40" creationId="{EB815D21-30F1-58CE-5356-1102FC30769C}"/>
          </ac:cxnSpMkLst>
        </pc:cxnChg>
        <pc:cxnChg chg="add mod">
          <ac:chgData name="Aluffi, Pietro" userId="810df28b-0e6a-47dc-86dd-8f68aed2c426" providerId="ADAL" clId="{D65D6526-54D0-5245-9D8F-865B0F2514F1}" dt="2022-05-16T15:18:07.512" v="130" actId="14100"/>
          <ac:cxnSpMkLst>
            <pc:docMk/>
            <pc:sldMk cId="3349583587" sldId="817"/>
            <ac:cxnSpMk id="47" creationId="{DCD53FA1-36D9-654B-B886-D7724EF3A560}"/>
          </ac:cxnSpMkLst>
        </pc:cxnChg>
        <pc:cxnChg chg="add del mod">
          <ac:chgData name="Aluffi, Pietro" userId="810df28b-0e6a-47dc-86dd-8f68aed2c426" providerId="ADAL" clId="{D65D6526-54D0-5245-9D8F-865B0F2514F1}" dt="2022-05-16T15:18:16.439" v="134" actId="478"/>
          <ac:cxnSpMkLst>
            <pc:docMk/>
            <pc:sldMk cId="3349583587" sldId="817"/>
            <ac:cxnSpMk id="49" creationId="{058301A6-AAB9-4790-5E66-C9B1946F44D4}"/>
          </ac:cxnSpMkLst>
        </pc:cxnChg>
      </pc:sldChg>
      <pc:sldChg chg="del">
        <pc:chgData name="Aluffi, Pietro" userId="810df28b-0e6a-47dc-86dd-8f68aed2c426" providerId="ADAL" clId="{D65D6526-54D0-5245-9D8F-865B0F2514F1}" dt="2022-05-16T16:13:09.235" v="299" actId="2696"/>
        <pc:sldMkLst>
          <pc:docMk/>
          <pc:sldMk cId="3280884063" sldId="818"/>
        </pc:sldMkLst>
      </pc:sldChg>
      <pc:sldChg chg="modSp add mod ord setBg">
        <pc:chgData name="Aluffi, Pietro" userId="810df28b-0e6a-47dc-86dd-8f68aed2c426" providerId="ADAL" clId="{D65D6526-54D0-5245-9D8F-865B0F2514F1}" dt="2022-05-16T16:13:06.318" v="298" actId="20577"/>
        <pc:sldMkLst>
          <pc:docMk/>
          <pc:sldMk cId="1861690961" sldId="819"/>
        </pc:sldMkLst>
        <pc:spChg chg="mod">
          <ac:chgData name="Aluffi, Pietro" userId="810df28b-0e6a-47dc-86dd-8f68aed2c426" providerId="ADAL" clId="{D65D6526-54D0-5245-9D8F-865B0F2514F1}" dt="2022-05-16T16:12:35.613" v="296" actId="1076"/>
          <ac:spMkLst>
            <pc:docMk/>
            <pc:sldMk cId="1861690961" sldId="819"/>
            <ac:spMk id="2" creationId="{E94B0BCA-4F5F-4013-85EF-9B92FCD581B6}"/>
          </ac:spMkLst>
        </pc:spChg>
        <pc:spChg chg="mod">
          <ac:chgData name="Aluffi, Pietro" userId="810df28b-0e6a-47dc-86dd-8f68aed2c426" providerId="ADAL" clId="{D65D6526-54D0-5245-9D8F-865B0F2514F1}" dt="2022-05-16T16:13:06.318" v="298" actId="20577"/>
          <ac:spMkLst>
            <pc:docMk/>
            <pc:sldMk cId="1861690961" sldId="819"/>
            <ac:spMk id="3" creationId="{B3A452BF-BC7E-4241-8028-121E88C1F22B}"/>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F45CE27-0FC1-4345-A9D1-813E9F3C96B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a:extLst>
              <a:ext uri="{FF2B5EF4-FFF2-40B4-BE49-F238E27FC236}">
                <a16:creationId xmlns:a16="http://schemas.microsoft.com/office/drawing/2014/main" id="{04FAFF02-ADA2-494F-92F2-18E0CD47E82F}"/>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BF4C96F-5C6D-48ED-8D42-B768302B23AD}" type="datetimeFigureOut">
              <a:rPr lang="de-CH" smtClean="0"/>
              <a:t>05.05.23</a:t>
            </a:fld>
            <a:endParaRPr lang="de-CH"/>
          </a:p>
        </p:txBody>
      </p:sp>
      <p:sp>
        <p:nvSpPr>
          <p:cNvPr id="4" name="Footer Placeholder 3">
            <a:extLst>
              <a:ext uri="{FF2B5EF4-FFF2-40B4-BE49-F238E27FC236}">
                <a16:creationId xmlns:a16="http://schemas.microsoft.com/office/drawing/2014/main" id="{84D7311C-885A-4219-9687-E8E9C81D3481}"/>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5" name="Slide Number Placeholder 4">
            <a:extLst>
              <a:ext uri="{FF2B5EF4-FFF2-40B4-BE49-F238E27FC236}">
                <a16:creationId xmlns:a16="http://schemas.microsoft.com/office/drawing/2014/main" id="{88755352-F100-4DC1-827B-1EFA0F247A07}"/>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F76BEFE-BF9F-47C0-9B2B-37E6860B00C1}" type="slidenum">
              <a:rPr lang="de-CH" smtClean="0"/>
              <a:t>‹#›</a:t>
            </a:fld>
            <a:endParaRPr lang="de-CH"/>
          </a:p>
        </p:txBody>
      </p:sp>
    </p:spTree>
    <p:extLst>
      <p:ext uri="{BB962C8B-B14F-4D97-AF65-F5344CB8AC3E}">
        <p14:creationId xmlns:p14="http://schemas.microsoft.com/office/powerpoint/2010/main" val="12454366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36D3A44-FA09-4C0A-99A6-1BA009890161}" type="datetimeFigureOut">
              <a:rPr lang="de-CH" smtClean="0"/>
              <a:t>05.05.23</a:t>
            </a:fld>
            <a:endParaRPr lang="de-CH"/>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e-CH"/>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9EFE3F1-1C0D-4780-BCDC-4F7033F6C9E1}" type="slidenum">
              <a:rPr lang="de-CH" smtClean="0"/>
              <a:t>‹#›</a:t>
            </a:fld>
            <a:endParaRPr lang="de-CH"/>
          </a:p>
        </p:txBody>
      </p:sp>
    </p:spTree>
    <p:extLst>
      <p:ext uri="{BB962C8B-B14F-4D97-AF65-F5344CB8AC3E}">
        <p14:creationId xmlns:p14="http://schemas.microsoft.com/office/powerpoint/2010/main" val="88721883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H" dirty="0"/>
          </a:p>
        </p:txBody>
      </p:sp>
      <p:sp>
        <p:nvSpPr>
          <p:cNvPr id="4" name="Slide Number Placeholder 3"/>
          <p:cNvSpPr>
            <a:spLocks noGrp="1"/>
          </p:cNvSpPr>
          <p:nvPr>
            <p:ph type="sldNum" sz="quarter" idx="5"/>
          </p:nvPr>
        </p:nvSpPr>
        <p:spPr/>
        <p:txBody>
          <a:bodyPr/>
          <a:lstStyle/>
          <a:p>
            <a:fld id="{19EFE3F1-1C0D-4780-BCDC-4F7033F6C9E1}" type="slidenum">
              <a:rPr lang="de-CH" smtClean="0"/>
              <a:t>1</a:t>
            </a:fld>
            <a:endParaRPr lang="de-CH"/>
          </a:p>
        </p:txBody>
      </p:sp>
    </p:spTree>
    <p:extLst>
      <p:ext uri="{BB962C8B-B14F-4D97-AF65-F5344CB8AC3E}">
        <p14:creationId xmlns:p14="http://schemas.microsoft.com/office/powerpoint/2010/main" val="331764309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9EFE3F1-1C0D-4780-BCDC-4F7033F6C9E1}" type="slidenum">
              <a:rPr lang="de-CH" smtClean="0"/>
              <a:t>10</a:t>
            </a:fld>
            <a:endParaRPr lang="de-CH"/>
          </a:p>
        </p:txBody>
      </p:sp>
    </p:spTree>
    <p:extLst>
      <p:ext uri="{BB962C8B-B14F-4D97-AF65-F5344CB8AC3E}">
        <p14:creationId xmlns:p14="http://schemas.microsoft.com/office/powerpoint/2010/main" val="346542269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an we find these characteristics in communities that are likely to engage with disinformation in a real world scenario?</a:t>
            </a:r>
          </a:p>
          <a:p>
            <a:r>
              <a:rPr lang="en-GB" sz="1200" dirty="0"/>
              <a:t>Isolating user cohorts:</a:t>
            </a:r>
          </a:p>
          <a:p>
            <a:pPr marL="285750" indent="-285750">
              <a:buFont typeface="Arial" panose="020B0604020202020204" pitchFamily="34" charset="0"/>
              <a:buChar char="•"/>
            </a:pPr>
            <a:r>
              <a:rPr lang="en-GB" sz="1200" dirty="0">
                <a:solidFill>
                  <a:srgbClr val="333333"/>
                </a:solidFill>
                <a:latin typeface="-apple-system"/>
              </a:rPr>
              <a:t>Misinformation Shares: 3/5 misinformation submission, 20 comments in 24 months</a:t>
            </a:r>
          </a:p>
          <a:p>
            <a:pPr marL="285750" indent="-285750">
              <a:buFont typeface="Arial" panose="020B0604020202020204" pitchFamily="34" charset="0"/>
              <a:buChar char="•"/>
            </a:pPr>
            <a:r>
              <a:rPr lang="en-GB" sz="1200" dirty="0">
                <a:solidFill>
                  <a:srgbClr val="333333"/>
                </a:solidFill>
                <a:latin typeface="-apple-system"/>
              </a:rPr>
              <a:t>Trustworthy Shares: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p:txBody>
      </p:sp>
      <p:sp>
        <p:nvSpPr>
          <p:cNvPr id="4" name="Slide Number Placeholder 3"/>
          <p:cNvSpPr>
            <a:spLocks noGrp="1"/>
          </p:cNvSpPr>
          <p:nvPr>
            <p:ph type="sldNum" sz="quarter" idx="5"/>
          </p:nvPr>
        </p:nvSpPr>
        <p:spPr/>
        <p:txBody>
          <a:bodyPr/>
          <a:lstStyle/>
          <a:p>
            <a:fld id="{19EFE3F1-1C0D-4780-BCDC-4F7033F6C9E1}" type="slidenum">
              <a:rPr lang="de-CH" smtClean="0"/>
              <a:t>11</a:t>
            </a:fld>
            <a:endParaRPr lang="de-CH"/>
          </a:p>
        </p:txBody>
      </p:sp>
    </p:spTree>
    <p:extLst>
      <p:ext uri="{BB962C8B-B14F-4D97-AF65-F5344CB8AC3E}">
        <p14:creationId xmlns:p14="http://schemas.microsoft.com/office/powerpoint/2010/main" val="14364722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an we find these characteristics in communities that are likely to engage with disinformation in a real world scenario?</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p:txBody>
      </p:sp>
      <p:sp>
        <p:nvSpPr>
          <p:cNvPr id="4" name="Slide Number Placeholder 3"/>
          <p:cNvSpPr>
            <a:spLocks noGrp="1"/>
          </p:cNvSpPr>
          <p:nvPr>
            <p:ph type="sldNum" sz="quarter" idx="5"/>
          </p:nvPr>
        </p:nvSpPr>
        <p:spPr/>
        <p:txBody>
          <a:bodyPr/>
          <a:lstStyle/>
          <a:p>
            <a:fld id="{19EFE3F1-1C0D-4780-BCDC-4F7033F6C9E1}" type="slidenum">
              <a:rPr lang="de-CH" smtClean="0"/>
              <a:t>12</a:t>
            </a:fld>
            <a:endParaRPr lang="de-CH"/>
          </a:p>
        </p:txBody>
      </p:sp>
    </p:spTree>
    <p:extLst>
      <p:ext uri="{BB962C8B-B14F-4D97-AF65-F5344CB8AC3E}">
        <p14:creationId xmlns:p14="http://schemas.microsoft.com/office/powerpoint/2010/main" val="367349194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p:txBody>
      </p:sp>
      <p:sp>
        <p:nvSpPr>
          <p:cNvPr id="4" name="Slide Number Placeholder 3"/>
          <p:cNvSpPr>
            <a:spLocks noGrp="1"/>
          </p:cNvSpPr>
          <p:nvPr>
            <p:ph type="sldNum" sz="quarter" idx="5"/>
          </p:nvPr>
        </p:nvSpPr>
        <p:spPr/>
        <p:txBody>
          <a:bodyPr/>
          <a:lstStyle/>
          <a:p>
            <a:fld id="{19EFE3F1-1C0D-4780-BCDC-4F7033F6C9E1}" type="slidenum">
              <a:rPr lang="de-CH" smtClean="0"/>
              <a:t>13</a:t>
            </a:fld>
            <a:endParaRPr lang="de-CH"/>
          </a:p>
        </p:txBody>
      </p:sp>
    </p:spTree>
    <p:extLst>
      <p:ext uri="{BB962C8B-B14F-4D97-AF65-F5344CB8AC3E}">
        <p14:creationId xmlns:p14="http://schemas.microsoft.com/office/powerpoint/2010/main" val="407175282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dirty="0"/>
              <a:t>Shapley Values: </a:t>
            </a:r>
            <a:r>
              <a:rPr lang="en-US" sz="1200" dirty="0"/>
              <a:t>which LIWC features have the highest impact at predicting users’ likelihood to share misinformation?</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p>
          <a:p>
            <a:pPr marL="285750" indent="-285750">
              <a:buFont typeface="Arial" panose="020B0604020202020204" pitchFamily="34" charset="0"/>
              <a:buChar char="•"/>
            </a:pPr>
            <a:r>
              <a:rPr lang="en-US" sz="1200" dirty="0"/>
              <a:t>Politic: political words</a:t>
            </a:r>
          </a:p>
          <a:p>
            <a:pPr marL="285750" indent="-285750">
              <a:buFont typeface="Arial" panose="020B0604020202020204" pitchFamily="34" charset="0"/>
              <a:buChar char="•"/>
            </a:pPr>
            <a:r>
              <a:rPr lang="en-US" sz="1200" dirty="0"/>
              <a:t>Leisure: game, fun, party</a:t>
            </a:r>
          </a:p>
          <a:p>
            <a:pPr marL="285750" indent="-285750">
              <a:buFont typeface="Arial" panose="020B0604020202020204" pitchFamily="34" charset="0"/>
              <a:buChar char="•"/>
            </a:pPr>
            <a:r>
              <a:rPr lang="en-US" sz="1200" dirty="0" err="1"/>
              <a:t>i</a:t>
            </a:r>
            <a:r>
              <a:rPr lang="en-US" sz="1200" dirty="0"/>
              <a:t>: first person singular </a:t>
            </a:r>
          </a:p>
          <a:p>
            <a:pPr marL="285750" indent="-285750">
              <a:buFont typeface="Arial" panose="020B0604020202020204" pitchFamily="34" charset="0"/>
              <a:buChar char="•"/>
            </a:pPr>
            <a:r>
              <a:rPr lang="en-US" sz="1200" dirty="0"/>
              <a:t>power: own, order, allow, power</a:t>
            </a:r>
          </a:p>
          <a:p>
            <a:pPr marL="285750" indent="-285750">
              <a:buFont typeface="Arial" panose="020B0604020202020204" pitchFamily="34" charset="0"/>
              <a:buChar char="•"/>
            </a:pPr>
            <a:r>
              <a:rPr lang="en-US" sz="1200" dirty="0"/>
              <a:t>Culture: technology, ethnicity and politics</a:t>
            </a:r>
          </a:p>
          <a:p>
            <a:pPr marL="285750" indent="-285750">
              <a:buFont typeface="Arial" panose="020B0604020202020204" pitchFamily="34" charset="0"/>
              <a:buChar char="•"/>
            </a:pPr>
            <a:r>
              <a:rPr lang="en-US" sz="1200" dirty="0"/>
              <a:t>Adj: use of adjectives</a:t>
            </a:r>
          </a:p>
          <a:p>
            <a:pPr marL="285750" indent="-285750">
              <a:buFont typeface="Arial" panose="020B0604020202020204" pitchFamily="34" charset="0"/>
              <a:buChar char="•"/>
            </a:pPr>
            <a:r>
              <a:rPr lang="en-US" sz="1200" dirty="0" err="1"/>
              <a:t>BigWords</a:t>
            </a:r>
            <a:r>
              <a:rPr lang="en-US" sz="1200" dirty="0"/>
              <a:t>: frequency of 7+ letter words</a:t>
            </a:r>
          </a:p>
          <a:p>
            <a:pPr marL="285750" indent="-285750">
              <a:buFont typeface="Arial" panose="020B0604020202020204" pitchFamily="34" charset="0"/>
              <a:buChar char="•"/>
            </a:pPr>
            <a:r>
              <a:rPr lang="en-US" sz="1200" dirty="0"/>
              <a:t>Motion: movement</a:t>
            </a:r>
          </a:p>
          <a:p>
            <a:pPr marL="285750" indent="-285750">
              <a:buFont typeface="Arial" panose="020B0604020202020204" pitchFamily="34" charset="0"/>
              <a:buChar char="•"/>
            </a:pPr>
            <a:r>
              <a:rPr lang="en-US" sz="1200" dirty="0"/>
              <a:t>Tone: Degree of emotional tone</a:t>
            </a:r>
          </a:p>
          <a:p>
            <a:pPr marL="285750" indent="-285750">
              <a:buFont typeface="Arial" panose="020B0604020202020204" pitchFamily="34" charset="0"/>
              <a:buChar char="•"/>
            </a:pPr>
            <a:r>
              <a:rPr lang="en-US" sz="1200" dirty="0"/>
              <a:t>Authentic: honesty, </a:t>
            </a:r>
            <a:r>
              <a:rPr lang="en-US" sz="1200" dirty="0" err="1"/>
              <a:t>geuiniess</a:t>
            </a:r>
            <a:r>
              <a:rPr lang="en-US" sz="1200" dirty="0"/>
              <a:t> </a:t>
            </a:r>
          </a:p>
          <a:p>
            <a:pPr marL="285750" indent="-285750">
              <a:buFont typeface="Arial" panose="020B0604020202020204" pitchFamily="34" charset="0"/>
              <a:buChar char="•"/>
            </a:pPr>
            <a:endParaRPr lang="en-US" sz="1200" dirty="0"/>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200" dirty="0"/>
          </a:p>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p:txBody>
      </p:sp>
      <p:sp>
        <p:nvSpPr>
          <p:cNvPr id="4" name="Slide Number Placeholder 3"/>
          <p:cNvSpPr>
            <a:spLocks noGrp="1"/>
          </p:cNvSpPr>
          <p:nvPr>
            <p:ph type="sldNum" sz="quarter" idx="5"/>
          </p:nvPr>
        </p:nvSpPr>
        <p:spPr/>
        <p:txBody>
          <a:bodyPr/>
          <a:lstStyle/>
          <a:p>
            <a:fld id="{19EFE3F1-1C0D-4780-BCDC-4F7033F6C9E1}" type="slidenum">
              <a:rPr lang="de-CH" smtClean="0"/>
              <a:t>14</a:t>
            </a:fld>
            <a:endParaRPr lang="de-CH"/>
          </a:p>
        </p:txBody>
      </p:sp>
    </p:spTree>
    <p:extLst>
      <p:ext uri="{BB962C8B-B14F-4D97-AF65-F5344CB8AC3E}">
        <p14:creationId xmlns:p14="http://schemas.microsoft.com/office/powerpoint/2010/main" val="307178576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p:txBody>
      </p:sp>
      <p:sp>
        <p:nvSpPr>
          <p:cNvPr id="4" name="Slide Number Placeholder 3"/>
          <p:cNvSpPr>
            <a:spLocks noGrp="1"/>
          </p:cNvSpPr>
          <p:nvPr>
            <p:ph type="sldNum" sz="quarter" idx="5"/>
          </p:nvPr>
        </p:nvSpPr>
        <p:spPr/>
        <p:txBody>
          <a:bodyPr/>
          <a:lstStyle/>
          <a:p>
            <a:fld id="{19EFE3F1-1C0D-4780-BCDC-4F7033F6C9E1}" type="slidenum">
              <a:rPr lang="de-CH" smtClean="0"/>
              <a:t>15</a:t>
            </a:fld>
            <a:endParaRPr lang="de-CH"/>
          </a:p>
        </p:txBody>
      </p:sp>
    </p:spTree>
    <p:extLst>
      <p:ext uri="{BB962C8B-B14F-4D97-AF65-F5344CB8AC3E}">
        <p14:creationId xmlns:p14="http://schemas.microsoft.com/office/powerpoint/2010/main" val="219871602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H" dirty="0"/>
          </a:p>
        </p:txBody>
      </p:sp>
      <p:sp>
        <p:nvSpPr>
          <p:cNvPr id="4" name="Slide Number Placeholder 3"/>
          <p:cNvSpPr>
            <a:spLocks noGrp="1"/>
          </p:cNvSpPr>
          <p:nvPr>
            <p:ph type="sldNum" sz="quarter" idx="5"/>
          </p:nvPr>
        </p:nvSpPr>
        <p:spPr/>
        <p:txBody>
          <a:bodyPr/>
          <a:lstStyle/>
          <a:p>
            <a:pPr marL="0" marR="0" lvl="0" indent="0" algn="r" defTabSz="685800" rtl="0" eaLnBrk="1" fontAlgn="auto" latinLnBrk="0" hangingPunct="1">
              <a:lnSpc>
                <a:spcPct val="100000"/>
              </a:lnSpc>
              <a:spcBef>
                <a:spcPts val="0"/>
              </a:spcBef>
              <a:spcAft>
                <a:spcPts val="0"/>
              </a:spcAft>
              <a:buClrTx/>
              <a:buSzTx/>
              <a:buFontTx/>
              <a:buNone/>
              <a:tabLst/>
              <a:defRPr/>
            </a:pPr>
            <a:fld id="{19EFE3F1-1C0D-4780-BCDC-4F7033F6C9E1}" type="slidenum">
              <a:rPr kumimoji="0" lang="de-CH"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685800" rtl="0" eaLnBrk="1" fontAlgn="auto" latinLnBrk="0" hangingPunct="1">
                <a:lnSpc>
                  <a:spcPct val="100000"/>
                </a:lnSpc>
                <a:spcBef>
                  <a:spcPts val="0"/>
                </a:spcBef>
                <a:spcAft>
                  <a:spcPts val="0"/>
                </a:spcAft>
                <a:buClrTx/>
                <a:buSzTx/>
                <a:buFontTx/>
                <a:buNone/>
                <a:tabLst/>
                <a:defRPr/>
              </a:pPr>
              <a:t>16</a:t>
            </a:fld>
            <a:endParaRPr kumimoji="0" lang="de-CH"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54961002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dirty="0"/>
              <a:t>Underlying cognitive drivers (i.e., political identity, human bias) predominantly studied in isolated lab settings</a:t>
            </a:r>
          </a:p>
          <a:p>
            <a:endParaRPr lang="en-US"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Dynamics of news diffusion unclear when looking at time-agnostic or cross-sectional data</a:t>
            </a:r>
          </a:p>
          <a:p>
            <a:endParaRPr lang="en-US" sz="1200" dirty="0"/>
          </a:p>
          <a:p>
            <a:endParaRPr lang="en-US" sz="1200" dirty="0"/>
          </a:p>
          <a:p>
            <a:endParaRPr lang="en-US" sz="1200" dirty="0"/>
          </a:p>
          <a:p>
            <a:endParaRPr lang="en-US" sz="1200" dirty="0"/>
          </a:p>
        </p:txBody>
      </p:sp>
      <p:sp>
        <p:nvSpPr>
          <p:cNvPr id="4" name="Slide Number Placeholder 3"/>
          <p:cNvSpPr>
            <a:spLocks noGrp="1"/>
          </p:cNvSpPr>
          <p:nvPr>
            <p:ph type="sldNum" sz="quarter" idx="5"/>
          </p:nvPr>
        </p:nvSpPr>
        <p:spPr/>
        <p:txBody>
          <a:bodyPr/>
          <a:lstStyle/>
          <a:p>
            <a:fld id="{19EFE3F1-1C0D-4780-BCDC-4F7033F6C9E1}" type="slidenum">
              <a:rPr lang="de-CH" smtClean="0"/>
              <a:t>17</a:t>
            </a:fld>
            <a:endParaRPr lang="de-CH"/>
          </a:p>
        </p:txBody>
      </p:sp>
    </p:spTree>
    <p:extLst>
      <p:ext uri="{BB962C8B-B14F-4D97-AF65-F5344CB8AC3E}">
        <p14:creationId xmlns:p14="http://schemas.microsoft.com/office/powerpoint/2010/main" val="1393160768"/>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p:txBody>
      </p:sp>
      <p:sp>
        <p:nvSpPr>
          <p:cNvPr id="4" name="Slide Number Placeholder 3"/>
          <p:cNvSpPr>
            <a:spLocks noGrp="1"/>
          </p:cNvSpPr>
          <p:nvPr>
            <p:ph type="sldNum" sz="quarter" idx="5"/>
          </p:nvPr>
        </p:nvSpPr>
        <p:spPr/>
        <p:txBody>
          <a:bodyPr/>
          <a:lstStyle/>
          <a:p>
            <a:fld id="{19EFE3F1-1C0D-4780-BCDC-4F7033F6C9E1}" type="slidenum">
              <a:rPr lang="de-CH" smtClean="0"/>
              <a:t>18</a:t>
            </a:fld>
            <a:endParaRPr lang="de-CH"/>
          </a:p>
        </p:txBody>
      </p:sp>
    </p:spTree>
    <p:extLst>
      <p:ext uri="{BB962C8B-B14F-4D97-AF65-F5344CB8AC3E}">
        <p14:creationId xmlns:p14="http://schemas.microsoft.com/office/powerpoint/2010/main" val="171170825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H" dirty="0"/>
          </a:p>
        </p:txBody>
      </p:sp>
      <p:sp>
        <p:nvSpPr>
          <p:cNvPr id="4" name="Slide Number Placeholder 3"/>
          <p:cNvSpPr>
            <a:spLocks noGrp="1"/>
          </p:cNvSpPr>
          <p:nvPr>
            <p:ph type="sldNum" sz="quarter" idx="5"/>
          </p:nvPr>
        </p:nvSpPr>
        <p:spPr/>
        <p:txBody>
          <a:bodyPr/>
          <a:lstStyle/>
          <a:p>
            <a:fld id="{19EFE3F1-1C0D-4780-BCDC-4F7033F6C9E1}" type="slidenum">
              <a:rPr lang="de-CH" smtClean="0"/>
              <a:t>19</a:t>
            </a:fld>
            <a:endParaRPr lang="de-CH"/>
          </a:p>
        </p:txBody>
      </p:sp>
    </p:spTree>
    <p:extLst>
      <p:ext uri="{BB962C8B-B14F-4D97-AF65-F5344CB8AC3E}">
        <p14:creationId xmlns:p14="http://schemas.microsoft.com/office/powerpoint/2010/main" val="42015674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GB" sz="1800" dirty="0">
                <a:effectLst/>
                <a:latin typeface="Arial" panose="020B0604020202020204" pitchFamily="34" charset="0"/>
                <a:ea typeface="Calibri" panose="020F0502020204030204" pitchFamily="34" charset="0"/>
              </a:rPr>
              <a:t>Throughout times humans always had the need to reshare information (gossip). We have this need that sometime hinders our ability to filter content. </a:t>
            </a:r>
          </a:p>
          <a:p>
            <a:pPr algn="l"/>
            <a:r>
              <a:rPr lang="en-GB" sz="1800" dirty="0">
                <a:effectLst/>
                <a:latin typeface="Arial" panose="020B0604020202020204" pitchFamily="34" charset="0"/>
                <a:ea typeface="Calibri" panose="020F0502020204030204" pitchFamily="34" charset="0"/>
              </a:rPr>
              <a:t>Fr</a:t>
            </a:r>
            <a:r>
              <a:rPr lang="en-GB" sz="1800" b="1" dirty="0">
                <a:effectLst/>
                <a:latin typeface="Arial" panose="020B0604020202020204" pitchFamily="34" charset="0"/>
                <a:ea typeface="Calibri" panose="020F0502020204030204" pitchFamily="34" charset="0"/>
              </a:rPr>
              <a:t>om consumer to shares. At the beginning sources were concentrated. </a:t>
            </a:r>
            <a:endParaRPr lang="en-GB" sz="1800" dirty="0">
              <a:effectLst/>
              <a:latin typeface="Arial" panose="020B0604020202020204" pitchFamily="34" charset="0"/>
              <a:ea typeface="Calibri" panose="020F0502020204030204" pitchFamily="34" charset="0"/>
            </a:endParaRPr>
          </a:p>
          <a:p>
            <a:pPr algn="l"/>
            <a:endParaRPr lang="en-GB" sz="1800" dirty="0">
              <a:effectLst/>
              <a:latin typeface="Arial" panose="020B0604020202020204" pitchFamily="34" charset="0"/>
              <a:ea typeface="Calibri" panose="020F0502020204030204" pitchFamily="34" charset="0"/>
            </a:endParaRPr>
          </a:p>
          <a:p>
            <a:pPr algn="l"/>
            <a:endParaRPr lang="en-GB" sz="1800" dirty="0">
              <a:effectLst/>
              <a:latin typeface="Arial" panose="020B0604020202020204" pitchFamily="34" charset="0"/>
              <a:ea typeface="Calibri" panose="020F0502020204030204" pitchFamily="34" charset="0"/>
            </a:endParaRPr>
          </a:p>
          <a:p>
            <a:pPr algn="l"/>
            <a:r>
              <a:rPr lang="en-GB" sz="1800" dirty="0">
                <a:effectLst/>
                <a:latin typeface="Arial" panose="020B0604020202020204" pitchFamily="34" charset="0"/>
                <a:ea typeface="Calibri" panose="020F0502020204030204" pitchFamily="34" charset="0"/>
              </a:rPr>
              <a:t>Furthermore, the impact of resharing information online has been increasing with the advent of online activities and due to the human tendency and psychological need to share information, exacerbated by online social networks (</a:t>
            </a:r>
            <a:r>
              <a:rPr lang="en-GB" sz="1800" dirty="0" err="1">
                <a:effectLst/>
                <a:latin typeface="Arial" panose="020B0604020202020204" pitchFamily="34" charset="0"/>
                <a:ea typeface="Calibri" panose="020F0502020204030204" pitchFamily="34" charset="0"/>
              </a:rPr>
              <a:t>Karahanna</a:t>
            </a:r>
            <a:r>
              <a:rPr lang="en-GB" sz="1800" dirty="0">
                <a:effectLst/>
                <a:latin typeface="Arial" panose="020B0604020202020204" pitchFamily="34" charset="0"/>
                <a:ea typeface="Calibri" panose="020F0502020204030204" pitchFamily="34" charset="0"/>
              </a:rPr>
              <a:t> et al., 2018). </a:t>
            </a:r>
          </a:p>
          <a:p>
            <a:pPr algn="l"/>
            <a:endParaRPr lang="en-CH" dirty="0"/>
          </a:p>
          <a:p>
            <a:pPr algn="l"/>
            <a:r>
              <a:rPr lang="en-CH" dirty="0"/>
              <a:t>If this person with the mobile </a:t>
            </a:r>
            <a:r>
              <a:rPr lang="en-GB" dirty="0"/>
              <a:t>in the hand is a mis sharers, how would we know? </a:t>
            </a:r>
            <a:endParaRPr lang="en-CH" dirty="0"/>
          </a:p>
        </p:txBody>
      </p:sp>
      <p:sp>
        <p:nvSpPr>
          <p:cNvPr id="4" name="Slide Number Placeholder 3"/>
          <p:cNvSpPr>
            <a:spLocks noGrp="1"/>
          </p:cNvSpPr>
          <p:nvPr>
            <p:ph type="sldNum" sz="quarter" idx="5"/>
          </p:nvPr>
        </p:nvSpPr>
        <p:spPr/>
        <p:txBody>
          <a:bodyPr/>
          <a:lstStyle/>
          <a:p>
            <a:pPr marL="0" marR="0" lvl="0" indent="0" algn="r" defTabSz="685800" rtl="0" eaLnBrk="1" fontAlgn="auto" latinLnBrk="0" hangingPunct="1">
              <a:lnSpc>
                <a:spcPct val="100000"/>
              </a:lnSpc>
              <a:spcBef>
                <a:spcPts val="0"/>
              </a:spcBef>
              <a:spcAft>
                <a:spcPts val="0"/>
              </a:spcAft>
              <a:buClrTx/>
              <a:buSzTx/>
              <a:buFontTx/>
              <a:buNone/>
              <a:tabLst/>
              <a:defRPr/>
            </a:pPr>
            <a:fld id="{19EFE3F1-1C0D-4780-BCDC-4F7033F6C9E1}" type="slidenum">
              <a:rPr kumimoji="0" lang="de-CH"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685800" rtl="0" eaLnBrk="1" fontAlgn="auto" latinLnBrk="0" hangingPunct="1">
                <a:lnSpc>
                  <a:spcPct val="100000"/>
                </a:lnSpc>
                <a:spcBef>
                  <a:spcPts val="0"/>
                </a:spcBef>
                <a:spcAft>
                  <a:spcPts val="0"/>
                </a:spcAft>
                <a:buClrTx/>
                <a:buSzTx/>
                <a:buFontTx/>
                <a:buNone/>
                <a:tabLst/>
                <a:defRPr/>
              </a:pPr>
              <a:t>2</a:t>
            </a:fld>
            <a:endParaRPr kumimoji="0" lang="de-CH"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11794653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H" dirty="0"/>
          </a:p>
        </p:txBody>
      </p:sp>
      <p:sp>
        <p:nvSpPr>
          <p:cNvPr id="4" name="Slide Number Placeholder 3"/>
          <p:cNvSpPr>
            <a:spLocks noGrp="1"/>
          </p:cNvSpPr>
          <p:nvPr>
            <p:ph type="sldNum" sz="quarter" idx="5"/>
          </p:nvPr>
        </p:nvSpPr>
        <p:spPr/>
        <p:txBody>
          <a:bodyPr/>
          <a:lstStyle/>
          <a:p>
            <a:pPr marL="0" marR="0" lvl="0" indent="0" algn="r" defTabSz="685800" rtl="0" eaLnBrk="1" fontAlgn="auto" latinLnBrk="0" hangingPunct="1">
              <a:lnSpc>
                <a:spcPct val="100000"/>
              </a:lnSpc>
              <a:spcBef>
                <a:spcPts val="0"/>
              </a:spcBef>
              <a:spcAft>
                <a:spcPts val="0"/>
              </a:spcAft>
              <a:buClrTx/>
              <a:buSzTx/>
              <a:buFontTx/>
              <a:buNone/>
              <a:tabLst/>
              <a:defRPr/>
            </a:pPr>
            <a:fld id="{19EFE3F1-1C0D-4780-BCDC-4F7033F6C9E1}" type="slidenum">
              <a:rPr kumimoji="0" lang="de-CH"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685800" rtl="0" eaLnBrk="1" fontAlgn="auto" latinLnBrk="0" hangingPunct="1">
                <a:lnSpc>
                  <a:spcPct val="100000"/>
                </a:lnSpc>
                <a:spcBef>
                  <a:spcPts val="0"/>
                </a:spcBef>
                <a:spcAft>
                  <a:spcPts val="0"/>
                </a:spcAft>
                <a:buClrTx/>
                <a:buSzTx/>
                <a:buFontTx/>
                <a:buNone/>
                <a:tabLst/>
                <a:defRPr/>
              </a:pPr>
              <a:t>20</a:t>
            </a:fld>
            <a:endParaRPr kumimoji="0" lang="de-CH"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60198370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an we find these characteristics in communities that are likely to engage with disinformation in a real world scenario?</a:t>
            </a:r>
          </a:p>
          <a:p>
            <a:r>
              <a:rPr lang="en-GB" sz="1200" dirty="0"/>
              <a:t>Isolating user cohorts:</a:t>
            </a:r>
          </a:p>
          <a:p>
            <a:pPr marL="285750" indent="-285750">
              <a:buFont typeface="Arial" panose="020B0604020202020204" pitchFamily="34" charset="0"/>
              <a:buChar char="•"/>
            </a:pPr>
            <a:r>
              <a:rPr lang="en-GB" sz="1200" dirty="0">
                <a:solidFill>
                  <a:srgbClr val="333333"/>
                </a:solidFill>
                <a:latin typeface="-apple-system"/>
              </a:rPr>
              <a:t>Misinformation Shares: 3/5 misinformation submission, 20 comments in 24 months</a:t>
            </a:r>
          </a:p>
          <a:p>
            <a:pPr marL="285750" indent="-285750">
              <a:buFont typeface="Arial" panose="020B0604020202020204" pitchFamily="34" charset="0"/>
              <a:buChar char="•"/>
            </a:pPr>
            <a:r>
              <a:rPr lang="en-GB" sz="1200" dirty="0">
                <a:solidFill>
                  <a:srgbClr val="333333"/>
                </a:solidFill>
                <a:latin typeface="-apple-system"/>
              </a:rPr>
              <a:t>Trustworthy Shares: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p:txBody>
      </p:sp>
      <p:sp>
        <p:nvSpPr>
          <p:cNvPr id="4" name="Slide Number Placeholder 3"/>
          <p:cNvSpPr>
            <a:spLocks noGrp="1"/>
          </p:cNvSpPr>
          <p:nvPr>
            <p:ph type="sldNum" sz="quarter" idx="5"/>
          </p:nvPr>
        </p:nvSpPr>
        <p:spPr/>
        <p:txBody>
          <a:bodyPr/>
          <a:lstStyle/>
          <a:p>
            <a:fld id="{19EFE3F1-1C0D-4780-BCDC-4F7033F6C9E1}" type="slidenum">
              <a:rPr lang="de-CH" smtClean="0"/>
              <a:t>21</a:t>
            </a:fld>
            <a:endParaRPr lang="de-CH"/>
          </a:p>
        </p:txBody>
      </p:sp>
    </p:spTree>
    <p:extLst>
      <p:ext uri="{BB962C8B-B14F-4D97-AF65-F5344CB8AC3E}">
        <p14:creationId xmlns:p14="http://schemas.microsoft.com/office/powerpoint/2010/main" val="168709393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GB" sz="1800" dirty="0">
                <a:effectLst/>
                <a:latin typeface="Arial" panose="020B0604020202020204" pitchFamily="34" charset="0"/>
                <a:ea typeface="Calibri" panose="020F0502020204030204" pitchFamily="34" charset="0"/>
              </a:rPr>
              <a:t>Throughout times humans always had the need to reshare information (gossip). We have this need that sometime hinders our ability to filter content. </a:t>
            </a:r>
          </a:p>
          <a:p>
            <a:pPr algn="l"/>
            <a:r>
              <a:rPr lang="en-GB" sz="1800" dirty="0">
                <a:effectLst/>
                <a:latin typeface="Arial" panose="020B0604020202020204" pitchFamily="34" charset="0"/>
                <a:ea typeface="Calibri" panose="020F0502020204030204" pitchFamily="34" charset="0"/>
              </a:rPr>
              <a:t>Fr</a:t>
            </a:r>
            <a:r>
              <a:rPr lang="en-GB" sz="1800" b="1" dirty="0">
                <a:effectLst/>
                <a:latin typeface="Arial" panose="020B0604020202020204" pitchFamily="34" charset="0"/>
                <a:ea typeface="Calibri" panose="020F0502020204030204" pitchFamily="34" charset="0"/>
              </a:rPr>
              <a:t>om consumer to shares. At the beginning sources were concentrated. </a:t>
            </a:r>
            <a:endParaRPr lang="en-GB" sz="1800" dirty="0">
              <a:effectLst/>
              <a:latin typeface="Arial" panose="020B0604020202020204" pitchFamily="34" charset="0"/>
              <a:ea typeface="Calibri" panose="020F0502020204030204" pitchFamily="34" charset="0"/>
            </a:endParaRPr>
          </a:p>
          <a:p>
            <a:pPr algn="l"/>
            <a:endParaRPr lang="en-GB" sz="1800" dirty="0">
              <a:effectLst/>
              <a:latin typeface="Arial" panose="020B0604020202020204" pitchFamily="34" charset="0"/>
              <a:ea typeface="Calibri" panose="020F0502020204030204" pitchFamily="34" charset="0"/>
            </a:endParaRPr>
          </a:p>
          <a:p>
            <a:pPr algn="l"/>
            <a:endParaRPr lang="en-GB" sz="1800" dirty="0">
              <a:effectLst/>
              <a:latin typeface="Arial" panose="020B0604020202020204" pitchFamily="34" charset="0"/>
              <a:ea typeface="Calibri" panose="020F0502020204030204" pitchFamily="34" charset="0"/>
            </a:endParaRPr>
          </a:p>
          <a:p>
            <a:pPr algn="l"/>
            <a:r>
              <a:rPr lang="en-GB" sz="1800" dirty="0">
                <a:effectLst/>
                <a:latin typeface="Arial" panose="020B0604020202020204" pitchFamily="34" charset="0"/>
                <a:ea typeface="Calibri" panose="020F0502020204030204" pitchFamily="34" charset="0"/>
              </a:rPr>
              <a:t>Furthermore, the impact of resharing information online has been increasing with the advent of online activities and due to the human tendency and psychological need to share information, exacerbated by online social networks (</a:t>
            </a:r>
            <a:r>
              <a:rPr lang="en-GB" sz="1800" dirty="0" err="1">
                <a:effectLst/>
                <a:latin typeface="Arial" panose="020B0604020202020204" pitchFamily="34" charset="0"/>
                <a:ea typeface="Calibri" panose="020F0502020204030204" pitchFamily="34" charset="0"/>
              </a:rPr>
              <a:t>Karahanna</a:t>
            </a:r>
            <a:r>
              <a:rPr lang="en-GB" sz="1800" dirty="0">
                <a:effectLst/>
                <a:latin typeface="Arial" panose="020B0604020202020204" pitchFamily="34" charset="0"/>
                <a:ea typeface="Calibri" panose="020F0502020204030204" pitchFamily="34" charset="0"/>
              </a:rPr>
              <a:t> et al., 2018). </a:t>
            </a:r>
          </a:p>
          <a:p>
            <a:pPr algn="l"/>
            <a:endParaRPr lang="en-CH" dirty="0"/>
          </a:p>
          <a:p>
            <a:pPr algn="l"/>
            <a:r>
              <a:rPr lang="en-CH" dirty="0"/>
              <a:t>If this person with the mobile </a:t>
            </a:r>
            <a:r>
              <a:rPr lang="en-GB" dirty="0"/>
              <a:t>in the hand is a mis sharers, how would we know? </a:t>
            </a:r>
            <a:endParaRPr lang="en-CH" dirty="0"/>
          </a:p>
        </p:txBody>
      </p:sp>
      <p:sp>
        <p:nvSpPr>
          <p:cNvPr id="4" name="Slide Number Placeholder 3"/>
          <p:cNvSpPr>
            <a:spLocks noGrp="1"/>
          </p:cNvSpPr>
          <p:nvPr>
            <p:ph type="sldNum" sz="quarter" idx="5"/>
          </p:nvPr>
        </p:nvSpPr>
        <p:spPr/>
        <p:txBody>
          <a:bodyPr/>
          <a:lstStyle/>
          <a:p>
            <a:pPr marL="0" marR="0" lvl="0" indent="0" algn="r" defTabSz="685800" rtl="0" eaLnBrk="1" fontAlgn="auto" latinLnBrk="0" hangingPunct="1">
              <a:lnSpc>
                <a:spcPct val="100000"/>
              </a:lnSpc>
              <a:spcBef>
                <a:spcPts val="0"/>
              </a:spcBef>
              <a:spcAft>
                <a:spcPts val="0"/>
              </a:spcAft>
              <a:buClrTx/>
              <a:buSzTx/>
              <a:buFontTx/>
              <a:buNone/>
              <a:tabLst/>
              <a:defRPr/>
            </a:pPr>
            <a:fld id="{19EFE3F1-1C0D-4780-BCDC-4F7033F6C9E1}" type="slidenum">
              <a:rPr kumimoji="0" lang="de-CH"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685800" rtl="0" eaLnBrk="1" fontAlgn="auto" latinLnBrk="0" hangingPunct="1">
                <a:lnSpc>
                  <a:spcPct val="100000"/>
                </a:lnSpc>
                <a:spcBef>
                  <a:spcPts val="0"/>
                </a:spcBef>
                <a:spcAft>
                  <a:spcPts val="0"/>
                </a:spcAft>
                <a:buClrTx/>
                <a:buSzTx/>
                <a:buFontTx/>
                <a:buNone/>
                <a:tabLst/>
                <a:defRPr/>
              </a:pPr>
              <a:t>3</a:t>
            </a:fld>
            <a:endParaRPr kumimoji="0" lang="de-CH"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57486637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0" i="0" u="none" strike="noStrike" dirty="0">
                <a:solidFill>
                  <a:srgbClr val="343541"/>
                </a:solidFill>
                <a:effectLst/>
                <a:latin typeface="Söhne"/>
              </a:rPr>
              <a:t>Predicted the likelihood of a user being misinformation sharers with demographics, personality, emotion, writing style and social media </a:t>
            </a:r>
            <a:r>
              <a:rPr lang="en-GB" b="0" i="0" u="none" strike="noStrike" dirty="0" err="1">
                <a:solidFill>
                  <a:srgbClr val="343541"/>
                </a:solidFill>
                <a:effectLst/>
                <a:latin typeface="Söhne"/>
              </a:rPr>
              <a:t>behavior</a:t>
            </a:r>
            <a:r>
              <a:rPr lang="en-GB" b="0" i="0" u="none" strike="noStrike" dirty="0">
                <a:solidFill>
                  <a:srgbClr val="343541"/>
                </a:solidFill>
                <a:effectLst/>
                <a:latin typeface="Söhne"/>
              </a:rPr>
              <a:t> features. Shrestha &amp; </a:t>
            </a:r>
            <a:r>
              <a:rPr lang="en-GB" b="0" i="0" u="none" strike="noStrike" dirty="0" err="1">
                <a:solidFill>
                  <a:srgbClr val="343541"/>
                </a:solidFill>
                <a:effectLst/>
                <a:latin typeface="Söhne"/>
              </a:rPr>
              <a:t>Spezzano</a:t>
            </a:r>
            <a:r>
              <a:rPr lang="en-GB" b="0" i="0" u="none" strike="noStrike" dirty="0">
                <a:solidFill>
                  <a:srgbClr val="343541"/>
                </a:solidFill>
                <a:effectLst/>
                <a:latin typeface="Söhne"/>
              </a:rPr>
              <a:t>, 2022</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b="0" i="0" u="none" strike="noStrike" dirty="0">
              <a:solidFill>
                <a:srgbClr val="343541"/>
              </a:solidFill>
              <a:effectLst/>
              <a:latin typeface="Söhne"/>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b="0" i="0" u="none" strike="noStrike" dirty="0">
                <a:solidFill>
                  <a:srgbClr val="343541"/>
                </a:solidFill>
                <a:effectLst/>
                <a:latin typeface="Söhne"/>
              </a:rPr>
              <a:t> Used LIWC features to detect characteristics of twitter users keen at sharing misinformation and showed that are important characteristics to consider when </a:t>
            </a:r>
            <a:r>
              <a:rPr lang="en-GB" b="0" i="0" u="none" strike="noStrike" dirty="0" err="1">
                <a:solidFill>
                  <a:srgbClr val="343541"/>
                </a:solidFill>
                <a:effectLst/>
                <a:latin typeface="Söhne"/>
              </a:rPr>
              <a:t>modeling</a:t>
            </a:r>
            <a:r>
              <a:rPr lang="en-GB" b="0" i="0" u="none" strike="noStrike" dirty="0">
                <a:solidFill>
                  <a:srgbClr val="343541"/>
                </a:solidFill>
                <a:effectLst/>
                <a:latin typeface="Söhne"/>
              </a:rPr>
              <a:t> user sharing </a:t>
            </a:r>
            <a:r>
              <a:rPr lang="en-GB" b="0" i="0" u="none" strike="noStrike" dirty="0" err="1">
                <a:solidFill>
                  <a:srgbClr val="343541"/>
                </a:solidFill>
                <a:effectLst/>
                <a:latin typeface="Söhne"/>
              </a:rPr>
              <a:t>behavior</a:t>
            </a:r>
            <a:r>
              <a:rPr lang="en-GB" b="0" i="0" u="none" strike="noStrike" dirty="0">
                <a:solidFill>
                  <a:srgbClr val="343541"/>
                </a:solidFill>
                <a:effectLst/>
                <a:latin typeface="Söhne"/>
              </a:rPr>
              <a:t> Shrestha &amp; </a:t>
            </a:r>
            <a:r>
              <a:rPr lang="en-GB" b="0" i="0" u="none" strike="noStrike" dirty="0" err="1">
                <a:solidFill>
                  <a:srgbClr val="343541"/>
                </a:solidFill>
                <a:effectLst/>
                <a:latin typeface="Söhne"/>
              </a:rPr>
              <a:t>Spezzano</a:t>
            </a:r>
            <a:r>
              <a:rPr lang="en-GB" b="0" i="0" u="none" strike="noStrike" dirty="0">
                <a:solidFill>
                  <a:srgbClr val="343541"/>
                </a:solidFill>
                <a:effectLst/>
                <a:latin typeface="Söhne"/>
              </a:rPr>
              <a:t>, 2020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b="0" i="0" u="none" strike="noStrike" dirty="0">
              <a:solidFill>
                <a:srgbClr val="343541"/>
              </a:solidFill>
              <a:effectLst/>
              <a:latin typeface="Söhne"/>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b="0" i="0" u="none" strike="noStrike" dirty="0">
                <a:solidFill>
                  <a:srgbClr val="343541"/>
                </a:solidFill>
                <a:effectLst/>
                <a:latin typeface="Söhne"/>
              </a:rPr>
              <a:t>ML models evaluation on predicting whether a user will repost content from unreliable sources using psycholinguistic, bag of words and topic features. Mu &amp; </a:t>
            </a:r>
            <a:r>
              <a:rPr lang="en-GB" b="0" i="0" u="none" strike="noStrike" dirty="0" err="1">
                <a:solidFill>
                  <a:srgbClr val="343541"/>
                </a:solidFill>
                <a:effectLst/>
                <a:latin typeface="Söhne"/>
              </a:rPr>
              <a:t>Aletras</a:t>
            </a:r>
            <a:r>
              <a:rPr lang="en-GB" b="0" i="0" u="none" strike="noStrike" dirty="0">
                <a:solidFill>
                  <a:srgbClr val="343541"/>
                </a:solidFill>
                <a:effectLst/>
                <a:latin typeface="Söhne"/>
              </a:rPr>
              <a:t>, 2020</a:t>
            </a:r>
            <a:endParaRPr lang="en-GB" dirty="0"/>
          </a:p>
        </p:txBody>
      </p:sp>
      <p:sp>
        <p:nvSpPr>
          <p:cNvPr id="4" name="Slide Number Placeholder 3"/>
          <p:cNvSpPr>
            <a:spLocks noGrp="1"/>
          </p:cNvSpPr>
          <p:nvPr>
            <p:ph type="sldNum" sz="quarter" idx="5"/>
          </p:nvPr>
        </p:nvSpPr>
        <p:spPr/>
        <p:txBody>
          <a:bodyPr/>
          <a:lstStyle/>
          <a:p>
            <a:fld id="{19EFE3F1-1C0D-4780-BCDC-4F7033F6C9E1}" type="slidenum">
              <a:rPr lang="de-CH" smtClean="0"/>
              <a:t>4</a:t>
            </a:fld>
            <a:endParaRPr lang="de-CH"/>
          </a:p>
        </p:txBody>
      </p:sp>
    </p:spTree>
    <p:extLst>
      <p:ext uri="{BB962C8B-B14F-4D97-AF65-F5344CB8AC3E}">
        <p14:creationId xmlns:p14="http://schemas.microsoft.com/office/powerpoint/2010/main" val="268901314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buFont typeface="Arial" panose="020B0604020202020204" pitchFamily="34" charset="0"/>
              <a:buChar char="•"/>
            </a:pPr>
            <a:r>
              <a:rPr lang="en-GB" b="0" i="0" dirty="0">
                <a:solidFill>
                  <a:srgbClr val="1D1C1D"/>
                </a:solidFill>
                <a:effectLst/>
                <a:latin typeface="Slack-Lato"/>
              </a:rPr>
              <a:t>existing work has found that feature in slide 3 are predictive of sharing </a:t>
            </a:r>
            <a:r>
              <a:rPr lang="en-GB" b="0" i="0" dirty="0" err="1">
                <a:solidFill>
                  <a:srgbClr val="1D1C1D"/>
                </a:solidFill>
                <a:effectLst/>
                <a:latin typeface="Slack-Lato"/>
              </a:rPr>
              <a:t>misinf</a:t>
            </a:r>
            <a:r>
              <a:rPr lang="en-GB" b="0" i="0" dirty="0">
                <a:solidFill>
                  <a:srgbClr val="1D1C1D"/>
                </a:solidFill>
                <a:effectLst/>
                <a:latin typeface="Slack-Lato"/>
              </a:rPr>
              <a:t>. What however is missing is the temporal component that I add. My model, for instance, has a 12-month. prediction period.</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b="0" i="0" dirty="0">
                <a:solidFill>
                  <a:srgbClr val="1D1C1D"/>
                </a:solidFill>
                <a:effectLst/>
                <a:latin typeface="Slack-Lato"/>
              </a:rPr>
              <a:t>This is important because it would allow us to detect and potentially prevent that </a:t>
            </a:r>
            <a:r>
              <a:rPr lang="en-GB" b="0" i="0" dirty="0" err="1">
                <a:solidFill>
                  <a:srgbClr val="1D1C1D"/>
                </a:solidFill>
                <a:effectLst/>
                <a:latin typeface="Slack-Lato"/>
              </a:rPr>
              <a:t>misinfo</a:t>
            </a:r>
            <a:r>
              <a:rPr lang="en-GB" b="0" i="0" dirty="0">
                <a:solidFill>
                  <a:srgbClr val="1D1C1D"/>
                </a:solidFill>
                <a:effectLst/>
                <a:latin typeface="Slack-Lato"/>
              </a:rPr>
              <a:t> becomes viral.</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b="0" i="0" dirty="0">
              <a:solidFill>
                <a:srgbClr val="1D1C1D"/>
              </a:solidFill>
              <a:effectLst/>
              <a:latin typeface="Slack-Lato"/>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b="0" i="0" dirty="0">
              <a:solidFill>
                <a:srgbClr val="1D1C1D"/>
              </a:solidFill>
              <a:effectLst/>
              <a:latin typeface="Slack-Lato"/>
            </a:endParaRPr>
          </a:p>
          <a:p>
            <a:r>
              <a:rPr lang="en-GB" sz="1200" dirty="0"/>
              <a:t>However:</a:t>
            </a:r>
          </a:p>
          <a:p>
            <a:pPr marL="285750" indent="-285750">
              <a:buFont typeface="Arial" panose="020B0604020202020204" pitchFamily="34" charset="0"/>
              <a:buChar char="•"/>
            </a:pPr>
            <a:endParaRPr lang="en-GB" sz="1200" dirty="0"/>
          </a:p>
          <a:p>
            <a:pPr marL="285750" indent="-285750">
              <a:buFont typeface="Arial" panose="020B0604020202020204" pitchFamily="34" charset="0"/>
              <a:buChar char="•"/>
            </a:pPr>
            <a:r>
              <a:rPr lang="en-GB" sz="1200" dirty="0"/>
              <a:t>results from previous work specifically focus on Twitter users. We test whether these findings are transferable to Reddit data;</a:t>
            </a:r>
          </a:p>
          <a:p>
            <a:pPr marL="285750" indent="-285750">
              <a:buFont typeface="Arial" panose="020B0604020202020204" pitchFamily="34" charset="0"/>
              <a:buChar char="•"/>
            </a:pPr>
            <a:r>
              <a:rPr lang="en-US" sz="1200" dirty="0"/>
              <a:t>results from previous research do not include a temporal component. We propose a forward-looking approach which allows detection and prevention of misinformation sharing.</a:t>
            </a:r>
            <a:endParaRPr lang="en-US" sz="1200" i="1" dirty="0">
              <a:solidFill>
                <a:srgbClr val="333333"/>
              </a:solidFill>
              <a:latin typeface="-apple-system"/>
            </a:endParaRPr>
          </a:p>
        </p:txBody>
      </p:sp>
      <p:sp>
        <p:nvSpPr>
          <p:cNvPr id="4" name="Slide Number Placeholder 3"/>
          <p:cNvSpPr>
            <a:spLocks noGrp="1"/>
          </p:cNvSpPr>
          <p:nvPr>
            <p:ph type="sldNum" sz="quarter" idx="5"/>
          </p:nvPr>
        </p:nvSpPr>
        <p:spPr/>
        <p:txBody>
          <a:bodyPr/>
          <a:lstStyle/>
          <a:p>
            <a:fld id="{19EFE3F1-1C0D-4780-BCDC-4F7033F6C9E1}" type="slidenum">
              <a:rPr lang="de-CH" smtClean="0"/>
              <a:t>5</a:t>
            </a:fld>
            <a:endParaRPr lang="de-CH"/>
          </a:p>
        </p:txBody>
      </p:sp>
    </p:spTree>
    <p:extLst>
      <p:ext uri="{BB962C8B-B14F-4D97-AF65-F5344CB8AC3E}">
        <p14:creationId xmlns:p14="http://schemas.microsoft.com/office/powerpoint/2010/main" val="364519542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CH" dirty="0"/>
              <a:t>RQ1: </a:t>
            </a:r>
            <a:r>
              <a:rPr lang="en-GB" dirty="0"/>
              <a:t>What are systematic differences in users’ psycholinguistic characteristic regarding interaction with (un)trustworthy news sources?</a:t>
            </a:r>
          </a:p>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RQ2: To what extended is the variation over time of psycholinguistic characteristic predictive of future interaction with (un)trustworthy news sources?</a:t>
            </a:r>
          </a:p>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 </a:t>
            </a:r>
          </a:p>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To answer the R</a:t>
            </a:r>
            <a:r>
              <a:rPr lang="en-CH" dirty="0"/>
              <a:t>Qs we introduce the following contribution</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CH"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predictor of future untrustworthy news diffusion</a:t>
            </a:r>
            <a:endParaRPr lang="en-GB" dirty="0"/>
          </a:p>
        </p:txBody>
      </p:sp>
      <p:sp>
        <p:nvSpPr>
          <p:cNvPr id="4" name="Slide Number Placeholder 3"/>
          <p:cNvSpPr>
            <a:spLocks noGrp="1"/>
          </p:cNvSpPr>
          <p:nvPr>
            <p:ph type="sldNum" sz="quarter" idx="5"/>
          </p:nvPr>
        </p:nvSpPr>
        <p:spPr/>
        <p:txBody>
          <a:bodyPr/>
          <a:lstStyle/>
          <a:p>
            <a:pPr marL="0" marR="0" lvl="0" indent="0" algn="r" defTabSz="685800" rtl="0" eaLnBrk="1" fontAlgn="auto" latinLnBrk="0" hangingPunct="1">
              <a:lnSpc>
                <a:spcPct val="100000"/>
              </a:lnSpc>
              <a:spcBef>
                <a:spcPts val="0"/>
              </a:spcBef>
              <a:spcAft>
                <a:spcPts val="0"/>
              </a:spcAft>
              <a:buClrTx/>
              <a:buSzTx/>
              <a:buFontTx/>
              <a:buNone/>
              <a:tabLst/>
              <a:defRPr/>
            </a:pPr>
            <a:fld id="{19EFE3F1-1C0D-4780-BCDC-4F7033F6C9E1}" type="slidenum">
              <a:rPr kumimoji="0" lang="de-CH"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685800" rtl="0" eaLnBrk="1" fontAlgn="auto" latinLnBrk="0" hangingPunct="1">
                <a:lnSpc>
                  <a:spcPct val="100000"/>
                </a:lnSpc>
                <a:spcBef>
                  <a:spcPts val="0"/>
                </a:spcBef>
                <a:spcAft>
                  <a:spcPts val="0"/>
                </a:spcAft>
                <a:buClrTx/>
                <a:buSzTx/>
                <a:buFontTx/>
                <a:buNone/>
                <a:tabLst/>
                <a:defRPr/>
              </a:pPr>
              <a:t>6</a:t>
            </a:fld>
            <a:endParaRPr kumimoji="0" lang="de-CH"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5843241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GB" dirty="0"/>
              <a:t>Introduce a novel dataset that combines reddit data with labels  </a:t>
            </a:r>
          </a:p>
          <a:p>
            <a:pPr marL="285750" indent="-285750">
              <a:buFont typeface="Arial" panose="020B0604020202020204" pitchFamily="34" charset="0"/>
              <a:buChar char="•"/>
            </a:pPr>
            <a:r>
              <a:rPr lang="en-GB" dirty="0"/>
              <a:t>Identify most impactful psycholinguistic characteristics </a:t>
            </a:r>
            <a:endParaRPr lang="en-GB" sz="1100" i="1" dirty="0">
              <a:solidFill>
                <a:srgbClr val="333333"/>
              </a:solidFill>
              <a:latin typeface="-apple-system"/>
            </a:endParaRPr>
          </a:p>
          <a:p>
            <a:endParaRPr lang="en-GB" sz="1100" i="1" dirty="0">
              <a:solidFill>
                <a:srgbClr val="333333"/>
              </a:solidFill>
              <a:latin typeface="-apple-system"/>
            </a:endParaRPr>
          </a:p>
          <a:p>
            <a:pPr marL="285750" indent="-285750">
              <a:buFont typeface="Arial" panose="020B0604020202020204" pitchFamily="34" charset="0"/>
              <a:buChar char="•"/>
            </a:pPr>
            <a:endParaRPr lang="en-US" sz="1200" i="1" dirty="0">
              <a:solidFill>
                <a:srgbClr val="333333"/>
              </a:solidFill>
              <a:latin typeface="-apple-system"/>
            </a:endParaRPr>
          </a:p>
        </p:txBody>
      </p:sp>
      <p:sp>
        <p:nvSpPr>
          <p:cNvPr id="4" name="Slide Number Placeholder 3"/>
          <p:cNvSpPr>
            <a:spLocks noGrp="1"/>
          </p:cNvSpPr>
          <p:nvPr>
            <p:ph type="sldNum" sz="quarter" idx="5"/>
          </p:nvPr>
        </p:nvSpPr>
        <p:spPr/>
        <p:txBody>
          <a:bodyPr/>
          <a:lstStyle/>
          <a:p>
            <a:fld id="{19EFE3F1-1C0D-4780-BCDC-4F7033F6C9E1}" type="slidenum">
              <a:rPr lang="de-CH" smtClean="0"/>
              <a:t>7</a:t>
            </a:fld>
            <a:endParaRPr lang="de-CH"/>
          </a:p>
        </p:txBody>
      </p:sp>
    </p:spTree>
    <p:extLst>
      <p:ext uri="{BB962C8B-B14F-4D97-AF65-F5344CB8AC3E}">
        <p14:creationId xmlns:p14="http://schemas.microsoft.com/office/powerpoint/2010/main" val="375276596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H" dirty="0"/>
          </a:p>
        </p:txBody>
      </p:sp>
      <p:sp>
        <p:nvSpPr>
          <p:cNvPr id="4" name="Slide Number Placeholder 3"/>
          <p:cNvSpPr>
            <a:spLocks noGrp="1"/>
          </p:cNvSpPr>
          <p:nvPr>
            <p:ph type="sldNum" sz="quarter" idx="5"/>
          </p:nvPr>
        </p:nvSpPr>
        <p:spPr/>
        <p:txBody>
          <a:bodyPr/>
          <a:lstStyle/>
          <a:p>
            <a:pPr marL="0" marR="0" lvl="0" indent="0" algn="r" defTabSz="685800" rtl="0" eaLnBrk="1" fontAlgn="auto" latinLnBrk="0" hangingPunct="1">
              <a:lnSpc>
                <a:spcPct val="100000"/>
              </a:lnSpc>
              <a:spcBef>
                <a:spcPts val="0"/>
              </a:spcBef>
              <a:spcAft>
                <a:spcPts val="0"/>
              </a:spcAft>
              <a:buClrTx/>
              <a:buSzTx/>
              <a:buFontTx/>
              <a:buNone/>
              <a:tabLst/>
              <a:defRPr/>
            </a:pPr>
            <a:fld id="{19EFE3F1-1C0D-4780-BCDC-4F7033F6C9E1}" type="slidenum">
              <a:rPr kumimoji="0" lang="de-CH"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685800" rtl="0" eaLnBrk="1" fontAlgn="auto" latinLnBrk="0" hangingPunct="1">
                <a:lnSpc>
                  <a:spcPct val="100000"/>
                </a:lnSpc>
                <a:spcBef>
                  <a:spcPts val="0"/>
                </a:spcBef>
                <a:spcAft>
                  <a:spcPts val="0"/>
                </a:spcAft>
                <a:buClrTx/>
                <a:buSzTx/>
                <a:buFontTx/>
                <a:buNone/>
                <a:tabLst/>
                <a:defRPr/>
              </a:pPr>
              <a:t>8</a:t>
            </a:fld>
            <a:endParaRPr kumimoji="0" lang="de-CH"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2023624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9EFE3F1-1C0D-4780-BCDC-4F7033F6C9E1}" type="slidenum">
              <a:rPr lang="de-CH" smtClean="0"/>
              <a:t>9</a:t>
            </a:fld>
            <a:endParaRPr lang="de-CH"/>
          </a:p>
        </p:txBody>
      </p:sp>
    </p:spTree>
    <p:extLst>
      <p:ext uri="{BB962C8B-B14F-4D97-AF65-F5344CB8AC3E}">
        <p14:creationId xmlns:p14="http://schemas.microsoft.com/office/powerpoint/2010/main" val="26612701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jpeg"/><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Slide 1">
    <p:bg>
      <p:bgPr>
        <a:solidFill>
          <a:schemeClr val="bg1"/>
        </a:solidFill>
        <a:effectLst/>
      </p:bgPr>
    </p:bg>
    <p:spTree>
      <p:nvGrpSpPr>
        <p:cNvPr id="1" name=""/>
        <p:cNvGrpSpPr/>
        <p:nvPr/>
      </p:nvGrpSpPr>
      <p:grpSpPr>
        <a:xfrm>
          <a:off x="0" y="0"/>
          <a:ext cx="0" cy="0"/>
          <a:chOff x="0" y="0"/>
          <a:chExt cx="0" cy="0"/>
        </a:xfrm>
      </p:grpSpPr>
      <p:pic>
        <p:nvPicPr>
          <p:cNvPr id="13" name="Picture 12" descr="A picture containing skating, building, ramp, board&#10;&#10;Description automatically generated">
            <a:extLst>
              <a:ext uri="{FF2B5EF4-FFF2-40B4-BE49-F238E27FC236}">
                <a16:creationId xmlns:a16="http://schemas.microsoft.com/office/drawing/2014/main" id="{9F7E1813-5682-4AAE-8DC8-5A613DE12B9F}"/>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2479" r="7910" b="19850"/>
          <a:stretch/>
        </p:blipFill>
        <p:spPr>
          <a:xfrm>
            <a:off x="0" y="0"/>
            <a:ext cx="9136420" cy="5143500"/>
          </a:xfrm>
          <a:prstGeom prst="rect">
            <a:avLst/>
          </a:prstGeom>
        </p:spPr>
      </p:pic>
      <p:sp>
        <p:nvSpPr>
          <p:cNvPr id="11" name="Freeform: Shape 10">
            <a:extLst>
              <a:ext uri="{FF2B5EF4-FFF2-40B4-BE49-F238E27FC236}">
                <a16:creationId xmlns:a16="http://schemas.microsoft.com/office/drawing/2014/main" id="{43D7A234-EBF8-4A9A-ACFF-4329BD747ADC}"/>
              </a:ext>
            </a:extLst>
          </p:cNvPr>
          <p:cNvSpPr>
            <a:spLocks noChangeAspect="1"/>
          </p:cNvSpPr>
          <p:nvPr userDrawn="1"/>
        </p:nvSpPr>
        <p:spPr>
          <a:xfrm>
            <a:off x="4575791" y="3166310"/>
            <a:ext cx="456821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69B6FC2A-29C4-4742-B32D-604659C0CB22}"/>
              </a:ext>
            </a:extLst>
          </p:cNvPr>
          <p:cNvSpPr txBox="1"/>
          <p:nvPr userDrawn="1"/>
        </p:nvSpPr>
        <p:spPr>
          <a:xfrm>
            <a:off x="6789318" y="4613375"/>
            <a:ext cx="1995907" cy="153888"/>
          </a:xfrm>
          <a:prstGeom prst="rect">
            <a:avLst/>
          </a:prstGeom>
          <a:noFill/>
        </p:spPr>
        <p:txBody>
          <a:bodyPr wrap="square" lIns="0" tIns="0" rIns="0" bIns="0" rtlCol="0">
            <a:spAutoFit/>
          </a:bodyPr>
          <a:lstStyle/>
          <a:p>
            <a:pPr algn="r"/>
            <a:r>
              <a:rPr lang="en-GB" sz="1000">
                <a:solidFill>
                  <a:schemeClr val="bg2"/>
                </a:solidFill>
              </a:rPr>
              <a:t>From </a:t>
            </a:r>
            <a:r>
              <a:rPr lang="en-GB" sz="1000" err="1">
                <a:solidFill>
                  <a:schemeClr val="bg2"/>
                </a:solidFill>
              </a:rPr>
              <a:t>insight</a:t>
            </a:r>
            <a:r>
              <a:rPr lang="en-GB" sz="1000">
                <a:solidFill>
                  <a:schemeClr val="bg2"/>
                </a:solidFill>
              </a:rPr>
              <a:t> </a:t>
            </a:r>
            <a:r>
              <a:rPr lang="en-GB" sz="1000" err="1">
                <a:solidFill>
                  <a:schemeClr val="bg2"/>
                </a:solidFill>
              </a:rPr>
              <a:t>to</a:t>
            </a:r>
            <a:r>
              <a:rPr lang="en-GB" sz="1000">
                <a:solidFill>
                  <a:schemeClr val="bg2"/>
                </a:solidFill>
              </a:rPr>
              <a:t> </a:t>
            </a:r>
            <a:r>
              <a:rPr lang="en-GB" sz="1000" err="1">
                <a:solidFill>
                  <a:schemeClr val="bg2"/>
                </a:solidFill>
              </a:rPr>
              <a:t>impact</a:t>
            </a:r>
            <a:r>
              <a:rPr lang="en-GB" sz="1000">
                <a:solidFill>
                  <a:schemeClr val="bg2"/>
                </a:solidFill>
              </a:rPr>
              <a:t>.</a:t>
            </a:r>
          </a:p>
        </p:txBody>
      </p:sp>
      <p:pic>
        <p:nvPicPr>
          <p:cNvPr id="397259843" name="Rectangle 2" descr="{&quot;templafy&quot;:{&quot;id&quot;:&quot;430f46c0-09a6-4648-91d2-1b561b9a6281&quot;}}"/>
          <p:cNvPicPr>
            <a:picLocks noChangeAspect="1"/>
          </p:cNvPicPr>
          <p:nvPr/>
        </p:nvPicPr>
        <p:blipFill>
          <a:blip r:embed="rId3"/>
          <a:stretch>
            <a:fillRect/>
          </a:stretch>
        </p:blipFill>
        <p:spPr>
          <a:xfrm>
            <a:off x="361173" y="313025"/>
            <a:ext cx="2221200" cy="792000"/>
          </a:xfrm>
          <a:prstGeom prst="rect">
            <a:avLst/>
          </a:prstGeom>
        </p:spPr>
      </p:pic>
      <p:sp>
        <p:nvSpPr>
          <p:cNvPr id="5" name="Title 4">
            <a:extLst>
              <a:ext uri="{FF2B5EF4-FFF2-40B4-BE49-F238E27FC236}">
                <a16:creationId xmlns:a16="http://schemas.microsoft.com/office/drawing/2014/main" id="{A891F29F-BED8-4555-9938-829D3AC33287}"/>
              </a:ext>
            </a:extLst>
          </p:cNvPr>
          <p:cNvSpPr>
            <a:spLocks noGrp="1"/>
          </p:cNvSpPr>
          <p:nvPr>
            <p:ph type="title"/>
          </p:nvPr>
        </p:nvSpPr>
        <p:spPr>
          <a:xfrm>
            <a:off x="827015" y="1098178"/>
            <a:ext cx="7958210" cy="1792800"/>
          </a:xfrm>
        </p:spPr>
        <p:txBody>
          <a:bodyPr anchor="b"/>
          <a:lstStyle>
            <a:lvl1pPr>
              <a:lnSpc>
                <a:spcPts val="4200"/>
              </a:lnSpc>
              <a:defRPr sz="4000">
                <a:latin typeface="Gill Sans Nova Light" panose="020B0302020104020203" pitchFamily="34" charset="0"/>
              </a:defRPr>
            </a:lvl1pPr>
          </a:lstStyle>
          <a:p>
            <a:r>
              <a:rPr lang="en-GB"/>
              <a:t>Click to edit Master title style</a:t>
            </a:r>
          </a:p>
        </p:txBody>
      </p:sp>
      <p:sp>
        <p:nvSpPr>
          <p:cNvPr id="7" name="Text Placeholder 6">
            <a:extLst>
              <a:ext uri="{FF2B5EF4-FFF2-40B4-BE49-F238E27FC236}">
                <a16:creationId xmlns:a16="http://schemas.microsoft.com/office/drawing/2014/main" id="{D3654089-CB0E-4321-8557-8E0B4ACD847A}"/>
              </a:ext>
            </a:extLst>
          </p:cNvPr>
          <p:cNvSpPr>
            <a:spLocks noGrp="1"/>
          </p:cNvSpPr>
          <p:nvPr>
            <p:ph type="body" sz="quarter" idx="10"/>
          </p:nvPr>
        </p:nvSpPr>
        <p:spPr>
          <a:xfrm>
            <a:off x="831027" y="3123868"/>
            <a:ext cx="3650486" cy="1356057"/>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150576515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tatement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8000" y="735013"/>
            <a:ext cx="5148000" cy="3728674"/>
          </a:xfrm>
        </p:spPr>
        <p:txBody>
          <a:bodyPr>
            <a:normAutofit/>
          </a:bodyPr>
          <a:lstStyle>
            <a:lvl1pPr>
              <a:lnSpc>
                <a:spcPct val="90000"/>
              </a:lnSpc>
              <a:defRPr sz="7900">
                <a:solidFill>
                  <a:schemeClr val="bg2"/>
                </a:solidFill>
                <a:latin typeface="Gill Sans Nova Light" panose="020B0302020104020203" pitchFamily="34" charset="0"/>
              </a:defRPr>
            </a:lvl1pPr>
          </a:lstStyle>
          <a:p>
            <a:r>
              <a:rPr lang="en-GB"/>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en-GB"/>
              <a:t>Click icon to add picture</a:t>
            </a:r>
          </a:p>
        </p:txBody>
      </p:sp>
      <p:sp>
        <p:nvSpPr>
          <p:cNvPr id="4" name="Freeform: Shape 6">
            <a:extLst>
              <a:ext uri="{FF2B5EF4-FFF2-40B4-BE49-F238E27FC236}">
                <a16:creationId xmlns:a16="http://schemas.microsoft.com/office/drawing/2014/main" id="{931B1093-B04D-2D47-86CF-4B84A7D855F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5" name="TextBox 4">
            <a:extLst>
              <a:ext uri="{FF2B5EF4-FFF2-40B4-BE49-F238E27FC236}">
                <a16:creationId xmlns:a16="http://schemas.microsoft.com/office/drawing/2014/main" id="{DF24101F-9BFC-0C40-B8BF-B9ED542F5165}"/>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3855854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blank" preserve="1">
  <p:cSld name="Leer">
    <p:spTree>
      <p:nvGrpSpPr>
        <p:cNvPr id="1" name=""/>
        <p:cNvGrpSpPr/>
        <p:nvPr/>
      </p:nvGrpSpPr>
      <p:grpSpPr>
        <a:xfrm>
          <a:off x="0" y="0"/>
          <a:ext cx="0" cy="0"/>
          <a:chOff x="0" y="0"/>
          <a:chExt cx="0" cy="0"/>
        </a:xfrm>
      </p:grpSpPr>
      <p:sp>
        <p:nvSpPr>
          <p:cNvPr id="2" name="Freeform: Shape 6">
            <a:extLst>
              <a:ext uri="{FF2B5EF4-FFF2-40B4-BE49-F238E27FC236}">
                <a16:creationId xmlns:a16="http://schemas.microsoft.com/office/drawing/2014/main" id="{9A369F61-15CA-9943-8F19-821ACD9D8037}"/>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TextBox 2">
            <a:extLst>
              <a:ext uri="{FF2B5EF4-FFF2-40B4-BE49-F238E27FC236}">
                <a16:creationId xmlns:a16="http://schemas.microsoft.com/office/drawing/2014/main" id="{D5A68462-0FFD-004E-A1C2-084309F4293F}"/>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357002187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0981B0-6792-4738-ACB8-050730738F15}"/>
              </a:ext>
            </a:extLst>
          </p:cNvPr>
          <p:cNvSpPr>
            <a:spLocks noGrp="1"/>
          </p:cNvSpPr>
          <p:nvPr>
            <p:ph type="title"/>
          </p:nvPr>
        </p:nvSpPr>
        <p:spPr>
          <a:xfrm>
            <a:off x="828000" y="1044000"/>
            <a:ext cx="7957225" cy="685801"/>
          </a:xfrm>
        </p:spPr>
        <p:txBody>
          <a:bodyPr/>
          <a:lstStyle>
            <a:lvl1pPr>
              <a:lnSpc>
                <a:spcPts val="5200"/>
              </a:lnSpc>
              <a:defRPr sz="5000">
                <a:latin typeface="Gill Sans Nova Light" panose="020B0302020104020203" pitchFamily="34" charset="0"/>
              </a:defRPr>
            </a:lvl1pPr>
          </a:lstStyle>
          <a:p>
            <a:r>
              <a:rPr lang="en-GB"/>
              <a:t>Click to edit Master title style</a:t>
            </a:r>
          </a:p>
        </p:txBody>
      </p:sp>
      <p:sp>
        <p:nvSpPr>
          <p:cNvPr id="7" name="Text Placeholder 6">
            <a:extLst>
              <a:ext uri="{FF2B5EF4-FFF2-40B4-BE49-F238E27FC236}">
                <a16:creationId xmlns:a16="http://schemas.microsoft.com/office/drawing/2014/main" id="{D87D0F6F-53A1-4152-9807-5EC1BBC8849C}"/>
              </a:ext>
            </a:extLst>
          </p:cNvPr>
          <p:cNvSpPr>
            <a:spLocks noGrp="1"/>
          </p:cNvSpPr>
          <p:nvPr>
            <p:ph type="body" sz="quarter" idx="13"/>
          </p:nvPr>
        </p:nvSpPr>
        <p:spPr>
          <a:xfrm>
            <a:off x="828000"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8" name="Text Placeholder 6">
            <a:extLst>
              <a:ext uri="{FF2B5EF4-FFF2-40B4-BE49-F238E27FC236}">
                <a16:creationId xmlns:a16="http://schemas.microsoft.com/office/drawing/2014/main" id="{7824BC02-7B0E-4C56-B49A-5A28F9E62BE1}"/>
              </a:ext>
            </a:extLst>
          </p:cNvPr>
          <p:cNvSpPr>
            <a:spLocks noGrp="1"/>
          </p:cNvSpPr>
          <p:nvPr>
            <p:ph type="body" sz="quarter" idx="14"/>
          </p:nvPr>
        </p:nvSpPr>
        <p:spPr>
          <a:xfrm>
            <a:off x="828000"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2" name="Text Placeholder 6">
            <a:extLst>
              <a:ext uri="{FF2B5EF4-FFF2-40B4-BE49-F238E27FC236}">
                <a16:creationId xmlns:a16="http://schemas.microsoft.com/office/drawing/2014/main" id="{ADF580D6-76FA-48E5-A6F9-C7D7F9ECA0CF}"/>
              </a:ext>
            </a:extLst>
          </p:cNvPr>
          <p:cNvSpPr>
            <a:spLocks noGrp="1"/>
          </p:cNvSpPr>
          <p:nvPr>
            <p:ph type="body" sz="quarter" idx="16"/>
          </p:nvPr>
        </p:nvSpPr>
        <p:spPr>
          <a:xfrm>
            <a:off x="2886816"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3" name="Text Placeholder 6">
            <a:extLst>
              <a:ext uri="{FF2B5EF4-FFF2-40B4-BE49-F238E27FC236}">
                <a16:creationId xmlns:a16="http://schemas.microsoft.com/office/drawing/2014/main" id="{D6CE2E2F-1BA4-4018-8B3C-5192B4A35E20}"/>
              </a:ext>
            </a:extLst>
          </p:cNvPr>
          <p:cNvSpPr>
            <a:spLocks noGrp="1"/>
          </p:cNvSpPr>
          <p:nvPr>
            <p:ph type="body" sz="quarter" idx="17"/>
          </p:nvPr>
        </p:nvSpPr>
        <p:spPr>
          <a:xfrm>
            <a:off x="2886816"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4" name="Text Placeholder 6">
            <a:extLst>
              <a:ext uri="{FF2B5EF4-FFF2-40B4-BE49-F238E27FC236}">
                <a16:creationId xmlns:a16="http://schemas.microsoft.com/office/drawing/2014/main" id="{9780CD93-461B-4895-AFE1-B11CB717CAC3}"/>
              </a:ext>
            </a:extLst>
          </p:cNvPr>
          <p:cNvSpPr>
            <a:spLocks noGrp="1"/>
          </p:cNvSpPr>
          <p:nvPr>
            <p:ph type="body" sz="quarter" idx="18"/>
          </p:nvPr>
        </p:nvSpPr>
        <p:spPr>
          <a:xfrm>
            <a:off x="4945933"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5" name="Text Placeholder 6">
            <a:extLst>
              <a:ext uri="{FF2B5EF4-FFF2-40B4-BE49-F238E27FC236}">
                <a16:creationId xmlns:a16="http://schemas.microsoft.com/office/drawing/2014/main" id="{7670DE1A-52CE-4331-B7C3-9D35588A2926}"/>
              </a:ext>
            </a:extLst>
          </p:cNvPr>
          <p:cNvSpPr>
            <a:spLocks noGrp="1"/>
          </p:cNvSpPr>
          <p:nvPr>
            <p:ph type="body" sz="quarter" idx="19"/>
          </p:nvPr>
        </p:nvSpPr>
        <p:spPr>
          <a:xfrm>
            <a:off x="4945933"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pic>
        <p:nvPicPr>
          <p:cNvPr id="790004350" name="Rectangle 10" descr="{&quot;templafy&quot;:{&quot;id&quot;:&quot;e5c07527-5012-4347-aa42-ad1286b58097&quot;}}"/>
          <p:cNvPicPr>
            <a:picLocks noChangeAspect="1"/>
          </p:cNvPicPr>
          <p:nvPr/>
        </p:nvPicPr>
        <p:blipFill>
          <a:blip r:embed="rId2"/>
          <a:stretch>
            <a:fillRect/>
          </a:stretch>
        </p:blipFill>
        <p:spPr>
          <a:xfrm>
            <a:off x="798816" y="4048055"/>
            <a:ext cx="2221200" cy="792000"/>
          </a:xfrm>
          <a:prstGeom prst="rect">
            <a:avLst/>
          </a:prstGeom>
        </p:spPr>
      </p:pic>
      <p:sp>
        <p:nvSpPr>
          <p:cNvPr id="3" name="Rectangle 2" descr="{&quot;templafy&quot;:{&quot;id&quot;:&quot;5990cd36-f350-48a5-9ae7-be2c0582dbb7&quot;}}">
            <a:extLst>
              <a:ext uri="{FF2B5EF4-FFF2-40B4-BE49-F238E27FC236}">
                <a16:creationId xmlns:a16="http://schemas.microsoft.com/office/drawing/2014/main" id="{36F02173-B0F5-4193-B6FF-8607454762B4}"/>
              </a:ext>
            </a:extLst>
          </p:cNvPr>
          <p:cNvSpPr/>
          <p:nvPr userDrawn="1"/>
        </p:nvSpPr>
        <p:spPr>
          <a:xfrm>
            <a:off x="4945930" y="3515014"/>
            <a:ext cx="2038450" cy="9912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1200"/>
              </a:lnSpc>
            </a:pPr>
            <a:r>
              <a:rPr lang="en-GB" sz="1000">
                <a:solidFill>
                  <a:schemeClr val="tx1"/>
                </a:solidFill>
              </a:rPr>
              <a:t>University of St.Gallen
Institute of Behavioral Science and Technology 
Torstrasse 25 
9000 St.Gallen 
ibt.unisg.ch</a:t>
            </a:r>
          </a:p>
        </p:txBody>
      </p:sp>
      <p:sp>
        <p:nvSpPr>
          <p:cNvPr id="11" name="Freeform: Shape 6">
            <a:extLst>
              <a:ext uri="{FF2B5EF4-FFF2-40B4-BE49-F238E27FC236}">
                <a16:creationId xmlns:a16="http://schemas.microsoft.com/office/drawing/2014/main" id="{B4B6B7E4-EC72-764A-BD51-31F4A9EE5E8D}"/>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6" name="TextBox 15">
            <a:extLst>
              <a:ext uri="{FF2B5EF4-FFF2-40B4-BE49-F238E27FC236}">
                <a16:creationId xmlns:a16="http://schemas.microsoft.com/office/drawing/2014/main" id="{D553AA43-361D-D448-A8C4-C05D17158B81}"/>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518709495"/>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type="twoObj">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697851C-DA08-442E-B8EB-9BDC6D0F6221}"/>
              </a:ext>
            </a:extLst>
          </p:cNvPr>
          <p:cNvSpPr>
            <a:spLocks noGrp="1"/>
          </p:cNvSpPr>
          <p:nvPr>
            <p:ph type="title"/>
          </p:nvPr>
        </p:nvSpPr>
        <p:spPr/>
        <p:txBody>
          <a:bodyPr/>
          <a:lstStyle>
            <a:lvl1pPr>
              <a:defRPr lang="en-US" sz="2400" kern="1200" dirty="0">
                <a:solidFill>
                  <a:schemeClr val="tx1"/>
                </a:solidFill>
                <a:latin typeface="+mj-lt"/>
                <a:ea typeface="+mj-ea"/>
                <a:cs typeface="+mj-cs"/>
              </a:defRPr>
            </a:lvl1pPr>
          </a:lstStyle>
          <a:p>
            <a:r>
              <a:rPr lang="en-US"/>
              <a:t>Click to edit Master title style</a:t>
            </a:r>
          </a:p>
        </p:txBody>
      </p:sp>
      <p:sp>
        <p:nvSpPr>
          <p:cNvPr id="3" name="Content Placeholder 2">
            <a:extLst>
              <a:ext uri="{FF2B5EF4-FFF2-40B4-BE49-F238E27FC236}">
                <a16:creationId xmlns:a16="http://schemas.microsoft.com/office/drawing/2014/main" id="{2F911576-928C-440D-8A40-06CE709EB9EF}"/>
              </a:ext>
            </a:extLst>
          </p:cNvPr>
          <p:cNvSpPr>
            <a:spLocks noGrp="1"/>
          </p:cNvSpPr>
          <p:nvPr>
            <p:ph sz="half" idx="1"/>
          </p:nvPr>
        </p:nvSpPr>
        <p:spPr>
          <a:xfrm>
            <a:off x="628650" y="1369219"/>
            <a:ext cx="3886200" cy="326350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7F1697A0-8209-4738-9E66-9FC3A54B81DF}"/>
              </a:ext>
            </a:extLst>
          </p:cNvPr>
          <p:cNvSpPr>
            <a:spLocks noGrp="1"/>
          </p:cNvSpPr>
          <p:nvPr>
            <p:ph sz="half" idx="2"/>
          </p:nvPr>
        </p:nvSpPr>
        <p:spPr>
          <a:xfrm>
            <a:off x="4629150" y="1369219"/>
            <a:ext cx="3886200" cy="326350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a:extLst>
              <a:ext uri="{FF2B5EF4-FFF2-40B4-BE49-F238E27FC236}">
                <a16:creationId xmlns:a16="http://schemas.microsoft.com/office/drawing/2014/main" id="{A299193B-E847-4341-B31D-F7E83E413ADD}"/>
              </a:ext>
            </a:extLst>
          </p:cNvPr>
          <p:cNvSpPr>
            <a:spLocks noGrp="1"/>
          </p:cNvSpPr>
          <p:nvPr>
            <p:ph type="ftr" sz="quarter" idx="11"/>
          </p:nvPr>
        </p:nvSpPr>
        <p:spPr/>
        <p:txBody>
          <a:bodyPr/>
          <a:lstStyle/>
          <a:p>
            <a:endParaRPr lang="fr-FR"/>
          </a:p>
        </p:txBody>
      </p:sp>
      <p:sp>
        <p:nvSpPr>
          <p:cNvPr id="8" name="Freeform: Shape 6">
            <a:extLst>
              <a:ext uri="{FF2B5EF4-FFF2-40B4-BE49-F238E27FC236}">
                <a16:creationId xmlns:a16="http://schemas.microsoft.com/office/drawing/2014/main" id="{17DFDFB6-0B72-BE4F-8D7D-89816206A32E}"/>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TextBox 8">
            <a:extLst>
              <a:ext uri="{FF2B5EF4-FFF2-40B4-BE49-F238E27FC236}">
                <a16:creationId xmlns:a16="http://schemas.microsoft.com/office/drawing/2014/main" id="{E8EF53CC-5E55-044D-9040-D87962B16ED1}"/>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191969545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obj" preserve="1">
  <p:cSld name="1_Title and Content">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08F59ED-DE22-5742-A281-0D71C43E3AA8}"/>
              </a:ext>
            </a:extLst>
          </p:cNvPr>
          <p:cNvSpPr/>
          <p:nvPr userDrawn="1"/>
        </p:nvSpPr>
        <p:spPr>
          <a:xfrm>
            <a:off x="4572000" y="0"/>
            <a:ext cx="4572000" cy="5143500"/>
          </a:xfrm>
          <a:prstGeom prst="rect">
            <a:avLst/>
          </a:prstGeom>
          <a:solidFill>
            <a:schemeClr val="tx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A2E91655-2B9C-0A42-BF91-5FBAC1BD9193}"/>
              </a:ext>
            </a:extLst>
          </p:cNvPr>
          <p:cNvSpPr>
            <a:spLocks noGrp="1"/>
          </p:cNvSpPr>
          <p:nvPr>
            <p:ph type="title"/>
          </p:nvPr>
        </p:nvSpPr>
        <p:spPr/>
        <p:txBody>
          <a:bodyPr/>
          <a:lstStyle>
            <a:lvl1pPr>
              <a:defRPr lang="en-CH" sz="2400" kern="1200" dirty="0">
                <a:solidFill>
                  <a:schemeClr val="tx1"/>
                </a:solidFill>
                <a:latin typeface="+mj-lt"/>
                <a:ea typeface="+mj-ea"/>
                <a:cs typeface="+mj-cs"/>
              </a:defRPr>
            </a:lvl1pPr>
          </a:lstStyle>
          <a:p>
            <a:r>
              <a:rPr lang="en-GB"/>
              <a:t>Click to edit Master title style</a:t>
            </a:r>
            <a:endParaRPr lang="en-CH"/>
          </a:p>
        </p:txBody>
      </p:sp>
      <p:sp>
        <p:nvSpPr>
          <p:cNvPr id="3" name="Content Placeholder 2">
            <a:extLst>
              <a:ext uri="{FF2B5EF4-FFF2-40B4-BE49-F238E27FC236}">
                <a16:creationId xmlns:a16="http://schemas.microsoft.com/office/drawing/2014/main" id="{5B400DF4-ED18-7C44-8F51-FD39FD145C6E}"/>
              </a:ext>
            </a:extLst>
          </p:cNvPr>
          <p:cNvSpPr>
            <a:spLocks noGrp="1"/>
          </p:cNvSpPr>
          <p:nvPr>
            <p:ph idx="1"/>
          </p:nvPr>
        </p:nvSpPr>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CH"/>
          </a:p>
        </p:txBody>
      </p:sp>
      <p:sp>
        <p:nvSpPr>
          <p:cNvPr id="5" name="Footer Placeholder 4">
            <a:extLst>
              <a:ext uri="{FF2B5EF4-FFF2-40B4-BE49-F238E27FC236}">
                <a16:creationId xmlns:a16="http://schemas.microsoft.com/office/drawing/2014/main" id="{C0044310-A582-6A43-AD24-6F10E54BEDF2}"/>
              </a:ext>
            </a:extLst>
          </p:cNvPr>
          <p:cNvSpPr>
            <a:spLocks noGrp="1"/>
          </p:cNvSpPr>
          <p:nvPr>
            <p:ph type="ftr" sz="quarter" idx="11"/>
          </p:nvPr>
        </p:nvSpPr>
        <p:spPr/>
        <p:txBody>
          <a:bodyPr/>
          <a:lstStyle/>
          <a:p>
            <a:endParaRPr lang="en-CH"/>
          </a:p>
        </p:txBody>
      </p:sp>
      <p:sp>
        <p:nvSpPr>
          <p:cNvPr id="8" name="Freeform: Shape 6">
            <a:extLst>
              <a:ext uri="{FF2B5EF4-FFF2-40B4-BE49-F238E27FC236}">
                <a16:creationId xmlns:a16="http://schemas.microsoft.com/office/drawing/2014/main" id="{1D704251-98FA-6949-85A4-B0DF977AF289}"/>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TextBox 8">
            <a:extLst>
              <a:ext uri="{FF2B5EF4-FFF2-40B4-BE49-F238E27FC236}">
                <a16:creationId xmlns:a16="http://schemas.microsoft.com/office/drawing/2014/main" id="{CE6D9436-6A45-AC49-8E21-CB78BC374AC6}"/>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353952010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el Slide 1">
    <p:bg>
      <p:bgPr>
        <a:solidFill>
          <a:schemeClr val="bg1"/>
        </a:solidFill>
        <a:effectLst/>
      </p:bgPr>
    </p:bg>
    <p:spTree>
      <p:nvGrpSpPr>
        <p:cNvPr id="1" name=""/>
        <p:cNvGrpSpPr/>
        <p:nvPr/>
      </p:nvGrpSpPr>
      <p:grpSpPr>
        <a:xfrm>
          <a:off x="0" y="0"/>
          <a:ext cx="0" cy="0"/>
          <a:chOff x="0" y="0"/>
          <a:chExt cx="0" cy="0"/>
        </a:xfrm>
      </p:grpSpPr>
      <p:pic>
        <p:nvPicPr>
          <p:cNvPr id="13" name="Picture 12" descr="A picture containing skating, building, ramp, board&#10;&#10;Description automatically generated">
            <a:extLst>
              <a:ext uri="{FF2B5EF4-FFF2-40B4-BE49-F238E27FC236}">
                <a16:creationId xmlns:a16="http://schemas.microsoft.com/office/drawing/2014/main" id="{9F7E1813-5682-4AAE-8DC8-5A613DE12B9F}"/>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2479" r="7910" b="19850"/>
          <a:stretch/>
        </p:blipFill>
        <p:spPr>
          <a:xfrm>
            <a:off x="0" y="0"/>
            <a:ext cx="9136420" cy="5143500"/>
          </a:xfrm>
          <a:prstGeom prst="rect">
            <a:avLst/>
          </a:prstGeom>
        </p:spPr>
      </p:pic>
      <p:sp>
        <p:nvSpPr>
          <p:cNvPr id="11" name="Freeform: Shape 10">
            <a:extLst>
              <a:ext uri="{FF2B5EF4-FFF2-40B4-BE49-F238E27FC236}">
                <a16:creationId xmlns:a16="http://schemas.microsoft.com/office/drawing/2014/main" id="{43D7A234-EBF8-4A9A-ACFF-4329BD747ADC}"/>
              </a:ext>
            </a:extLst>
          </p:cNvPr>
          <p:cNvSpPr>
            <a:spLocks noChangeAspect="1"/>
          </p:cNvSpPr>
          <p:nvPr userDrawn="1"/>
        </p:nvSpPr>
        <p:spPr>
          <a:xfrm>
            <a:off x="4575791" y="3166310"/>
            <a:ext cx="456821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TextBox 13">
            <a:extLst>
              <a:ext uri="{FF2B5EF4-FFF2-40B4-BE49-F238E27FC236}">
                <a16:creationId xmlns:a16="http://schemas.microsoft.com/office/drawing/2014/main" id="{69B6FC2A-29C4-4742-B32D-604659C0CB22}"/>
              </a:ext>
            </a:extLst>
          </p:cNvPr>
          <p:cNvSpPr txBox="1"/>
          <p:nvPr userDrawn="1"/>
        </p:nvSpPr>
        <p:spPr>
          <a:xfrm>
            <a:off x="6789318" y="4613375"/>
            <a:ext cx="1995907" cy="153888"/>
          </a:xfrm>
          <a:prstGeom prst="rect">
            <a:avLst/>
          </a:prstGeom>
          <a:noFill/>
        </p:spPr>
        <p:txBody>
          <a:bodyPr wrap="square" lIns="0" tIns="0" rIns="0" bIns="0" rtlCol="0">
            <a:spAutoFit/>
          </a:bodyPr>
          <a:lstStyle/>
          <a:p>
            <a:pPr algn="r"/>
            <a:r>
              <a:rPr lang="en-GB" sz="1000">
                <a:solidFill>
                  <a:schemeClr val="bg2"/>
                </a:solidFill>
              </a:rPr>
              <a:t>From </a:t>
            </a:r>
            <a:r>
              <a:rPr lang="en-GB" sz="1000" err="1">
                <a:solidFill>
                  <a:schemeClr val="bg2"/>
                </a:solidFill>
              </a:rPr>
              <a:t>insight</a:t>
            </a:r>
            <a:r>
              <a:rPr lang="en-GB" sz="1000">
                <a:solidFill>
                  <a:schemeClr val="bg2"/>
                </a:solidFill>
              </a:rPr>
              <a:t> </a:t>
            </a:r>
            <a:r>
              <a:rPr lang="en-GB" sz="1000" err="1">
                <a:solidFill>
                  <a:schemeClr val="bg2"/>
                </a:solidFill>
              </a:rPr>
              <a:t>to</a:t>
            </a:r>
            <a:r>
              <a:rPr lang="en-GB" sz="1000">
                <a:solidFill>
                  <a:schemeClr val="bg2"/>
                </a:solidFill>
              </a:rPr>
              <a:t> </a:t>
            </a:r>
            <a:r>
              <a:rPr lang="en-GB" sz="1000" err="1">
                <a:solidFill>
                  <a:schemeClr val="bg2"/>
                </a:solidFill>
              </a:rPr>
              <a:t>impact</a:t>
            </a:r>
            <a:r>
              <a:rPr lang="en-GB" sz="1000">
                <a:solidFill>
                  <a:schemeClr val="bg2"/>
                </a:solidFill>
              </a:rPr>
              <a:t>.</a:t>
            </a:r>
          </a:p>
        </p:txBody>
      </p:sp>
      <p:pic>
        <p:nvPicPr>
          <p:cNvPr id="397259843" name="Rectangle 2" descr="{&quot;templafy&quot;:{&quot;id&quot;:&quot;430f46c0-09a6-4648-91d2-1b561b9a6281&quot;}}"/>
          <p:cNvPicPr>
            <a:picLocks noChangeAspect="1"/>
          </p:cNvPicPr>
          <p:nvPr/>
        </p:nvPicPr>
        <p:blipFill>
          <a:blip r:embed="rId3"/>
          <a:stretch>
            <a:fillRect/>
          </a:stretch>
        </p:blipFill>
        <p:spPr>
          <a:xfrm>
            <a:off x="361173" y="313025"/>
            <a:ext cx="2221200" cy="792000"/>
          </a:xfrm>
          <a:prstGeom prst="rect">
            <a:avLst/>
          </a:prstGeom>
        </p:spPr>
      </p:pic>
      <p:sp>
        <p:nvSpPr>
          <p:cNvPr id="5" name="Title 4">
            <a:extLst>
              <a:ext uri="{FF2B5EF4-FFF2-40B4-BE49-F238E27FC236}">
                <a16:creationId xmlns:a16="http://schemas.microsoft.com/office/drawing/2014/main" id="{A891F29F-BED8-4555-9938-829D3AC33287}"/>
              </a:ext>
            </a:extLst>
          </p:cNvPr>
          <p:cNvSpPr>
            <a:spLocks noGrp="1"/>
          </p:cNvSpPr>
          <p:nvPr>
            <p:ph type="title"/>
          </p:nvPr>
        </p:nvSpPr>
        <p:spPr>
          <a:xfrm>
            <a:off x="827015" y="1098178"/>
            <a:ext cx="7958210" cy="1792800"/>
          </a:xfrm>
        </p:spPr>
        <p:txBody>
          <a:bodyPr anchor="b"/>
          <a:lstStyle>
            <a:lvl1pPr>
              <a:lnSpc>
                <a:spcPts val="4200"/>
              </a:lnSpc>
              <a:defRPr sz="4000">
                <a:latin typeface="Gill Sans Nova Light" panose="020B0302020104020203" pitchFamily="34" charset="0"/>
              </a:defRPr>
            </a:lvl1pPr>
          </a:lstStyle>
          <a:p>
            <a:r>
              <a:rPr lang="en-GB"/>
              <a:t>Click to edit Master title style</a:t>
            </a:r>
          </a:p>
        </p:txBody>
      </p:sp>
      <p:sp>
        <p:nvSpPr>
          <p:cNvPr id="7" name="Text Placeholder 6">
            <a:extLst>
              <a:ext uri="{FF2B5EF4-FFF2-40B4-BE49-F238E27FC236}">
                <a16:creationId xmlns:a16="http://schemas.microsoft.com/office/drawing/2014/main" id="{D3654089-CB0E-4321-8557-8E0B4ACD847A}"/>
              </a:ext>
            </a:extLst>
          </p:cNvPr>
          <p:cNvSpPr>
            <a:spLocks noGrp="1"/>
          </p:cNvSpPr>
          <p:nvPr>
            <p:ph type="body" sz="quarter" idx="10"/>
          </p:nvPr>
        </p:nvSpPr>
        <p:spPr>
          <a:xfrm>
            <a:off x="831027" y="3123868"/>
            <a:ext cx="3650486" cy="1356057"/>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319647889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el Slide 3">
    <p:bg>
      <p:bgPr>
        <a:solidFill>
          <a:schemeClr val="bg1"/>
        </a:solidFill>
        <a:effectLst/>
      </p:bgPr>
    </p:bg>
    <p:spTree>
      <p:nvGrpSpPr>
        <p:cNvPr id="1" name=""/>
        <p:cNvGrpSpPr/>
        <p:nvPr/>
      </p:nvGrpSpPr>
      <p:grpSpPr>
        <a:xfrm>
          <a:off x="0" y="0"/>
          <a:ext cx="0" cy="0"/>
          <a:chOff x="0" y="0"/>
          <a:chExt cx="0" cy="0"/>
        </a:xfrm>
      </p:grpSpPr>
      <p:sp>
        <p:nvSpPr>
          <p:cNvPr id="15" name="Rectangle 9">
            <a:extLst>
              <a:ext uri="{FF2B5EF4-FFF2-40B4-BE49-F238E27FC236}">
                <a16:creationId xmlns:a16="http://schemas.microsoft.com/office/drawing/2014/main" id="{2B100237-7431-49D0-8F7C-9E1F2717B96C}"/>
              </a:ext>
            </a:extLst>
          </p:cNvPr>
          <p:cNvSpPr/>
          <p:nvPr userDrawn="1"/>
        </p:nvSpPr>
        <p:spPr>
          <a:xfrm>
            <a:off x="5761585" y="1624745"/>
            <a:ext cx="2419577" cy="2689737"/>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noFill/>
          <a:ln w="508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TextBox 11">
            <a:extLst>
              <a:ext uri="{FF2B5EF4-FFF2-40B4-BE49-F238E27FC236}">
                <a16:creationId xmlns:a16="http://schemas.microsoft.com/office/drawing/2014/main" id="{DF9714C5-06E3-4370-A728-9DC7B080DE43}"/>
              </a:ext>
            </a:extLst>
          </p:cNvPr>
          <p:cNvSpPr txBox="1"/>
          <p:nvPr userDrawn="1"/>
        </p:nvSpPr>
        <p:spPr>
          <a:xfrm>
            <a:off x="6787662" y="4613375"/>
            <a:ext cx="1997563" cy="153888"/>
          </a:xfrm>
          <a:prstGeom prst="rect">
            <a:avLst/>
          </a:prstGeom>
          <a:noFill/>
        </p:spPr>
        <p:txBody>
          <a:bodyPr wrap="square" lIns="0" tIns="0" rIns="0" bIns="0" rtlCol="0">
            <a:spAutoFit/>
          </a:bodyPr>
          <a:lstStyle/>
          <a:p>
            <a:pPr algn="r"/>
            <a:r>
              <a:rPr lang="en-GB" sz="1000">
                <a:solidFill>
                  <a:schemeClr val="tx1"/>
                </a:solidFill>
              </a:rPr>
              <a:t>From </a:t>
            </a:r>
            <a:r>
              <a:rPr lang="en-GB" sz="1000" err="1">
                <a:solidFill>
                  <a:schemeClr val="tx1"/>
                </a:solidFill>
              </a:rPr>
              <a:t>insight</a:t>
            </a:r>
            <a:r>
              <a:rPr lang="en-GB" sz="1000">
                <a:solidFill>
                  <a:schemeClr val="tx1"/>
                </a:solidFill>
              </a:rPr>
              <a:t> </a:t>
            </a:r>
            <a:r>
              <a:rPr lang="en-GB" sz="1000" err="1">
                <a:solidFill>
                  <a:schemeClr val="tx1"/>
                </a:solidFill>
              </a:rPr>
              <a:t>to</a:t>
            </a:r>
            <a:r>
              <a:rPr lang="en-GB" sz="1000">
                <a:solidFill>
                  <a:schemeClr val="tx1"/>
                </a:solidFill>
              </a:rPr>
              <a:t> </a:t>
            </a:r>
            <a:r>
              <a:rPr lang="en-GB" sz="1000" err="1">
                <a:solidFill>
                  <a:schemeClr val="tx1"/>
                </a:solidFill>
              </a:rPr>
              <a:t>impact</a:t>
            </a:r>
            <a:r>
              <a:rPr lang="en-GB" sz="1000">
                <a:solidFill>
                  <a:schemeClr val="tx1"/>
                </a:solidFill>
              </a:rPr>
              <a:t>.</a:t>
            </a:r>
          </a:p>
        </p:txBody>
      </p:sp>
      <p:sp>
        <p:nvSpPr>
          <p:cNvPr id="10" name="Rectangle 9">
            <a:extLst>
              <a:ext uri="{FF2B5EF4-FFF2-40B4-BE49-F238E27FC236}">
                <a16:creationId xmlns:a16="http://schemas.microsoft.com/office/drawing/2014/main" id="{3E4AF4D0-D837-4E91-97F8-5213372D62BA}"/>
              </a:ext>
            </a:extLst>
          </p:cNvPr>
          <p:cNvSpPr/>
          <p:nvPr userDrawn="1"/>
        </p:nvSpPr>
        <p:spPr>
          <a:xfrm>
            <a:off x="5761585" y="450660"/>
            <a:ext cx="3408789" cy="3789400"/>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blipFill dpi="0" rotWithShape="1">
            <a:blip r:embed="rId2">
              <a:extLst>
                <a:ext uri="{28A0092B-C50C-407E-A947-70E740481C1C}">
                  <a14:useLocalDpi xmlns:a14="http://schemas.microsoft.com/office/drawing/2010/main" val="0"/>
                </a:ext>
              </a:extLst>
            </a:blip>
            <a:srcRect/>
            <a:stretch>
              <a:fillRect l="-36346" t="-6" r="-43098" b="-1866"/>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582099631" name="Rectangle 7" descr="{&quot;templafy&quot;:{&quot;id&quot;:&quot;3212cf5d-c785-4ab5-bfb7-730fc28b88ca&quot;}}"/>
          <p:cNvPicPr>
            <a:picLocks noChangeAspect="1"/>
          </p:cNvPicPr>
          <p:nvPr/>
        </p:nvPicPr>
        <p:blipFill>
          <a:blip r:embed="rId3"/>
          <a:stretch>
            <a:fillRect/>
          </a:stretch>
        </p:blipFill>
        <p:spPr>
          <a:xfrm>
            <a:off x="358775" y="313025"/>
            <a:ext cx="2221200" cy="792000"/>
          </a:xfrm>
          <a:prstGeom prst="rect">
            <a:avLst/>
          </a:prstGeom>
        </p:spPr>
      </p:pic>
      <p:sp>
        <p:nvSpPr>
          <p:cNvPr id="13" name="Title 4">
            <a:extLst>
              <a:ext uri="{FF2B5EF4-FFF2-40B4-BE49-F238E27FC236}">
                <a16:creationId xmlns:a16="http://schemas.microsoft.com/office/drawing/2014/main" id="{77013848-41F0-44AD-9301-BEF9A1A4878E}"/>
              </a:ext>
            </a:extLst>
          </p:cNvPr>
          <p:cNvSpPr>
            <a:spLocks noGrp="1"/>
          </p:cNvSpPr>
          <p:nvPr>
            <p:ph type="title"/>
          </p:nvPr>
        </p:nvSpPr>
        <p:spPr>
          <a:xfrm>
            <a:off x="827013" y="1276350"/>
            <a:ext cx="4503600" cy="1942874"/>
          </a:xfrm>
        </p:spPr>
        <p:txBody>
          <a:bodyPr anchor="b"/>
          <a:lstStyle>
            <a:lvl1pPr>
              <a:lnSpc>
                <a:spcPts val="4200"/>
              </a:lnSpc>
              <a:defRPr sz="4000">
                <a:latin typeface="Gill Sans Nova Light" panose="020B0302020104020203" pitchFamily="34" charset="0"/>
              </a:defRPr>
            </a:lvl1pPr>
          </a:lstStyle>
          <a:p>
            <a:r>
              <a:rPr lang="en-GB"/>
              <a:t>Click to edit Master title style</a:t>
            </a:r>
          </a:p>
        </p:txBody>
      </p:sp>
      <p:sp>
        <p:nvSpPr>
          <p:cNvPr id="14" name="Text Placeholder 6">
            <a:extLst>
              <a:ext uri="{FF2B5EF4-FFF2-40B4-BE49-F238E27FC236}">
                <a16:creationId xmlns:a16="http://schemas.microsoft.com/office/drawing/2014/main" id="{8245421C-670F-4227-B79D-994FE547F9A2}"/>
              </a:ext>
            </a:extLst>
          </p:cNvPr>
          <p:cNvSpPr>
            <a:spLocks noGrp="1"/>
          </p:cNvSpPr>
          <p:nvPr>
            <p:ph type="body" sz="quarter" idx="11"/>
          </p:nvPr>
        </p:nvSpPr>
        <p:spPr>
          <a:xfrm>
            <a:off x="831027" y="3452115"/>
            <a:ext cx="3650486"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en-GB"/>
              <a:t>Click to edit Master text styles</a:t>
            </a:r>
          </a:p>
          <a:p>
            <a:pPr lvl="1"/>
            <a:r>
              <a:rPr lang="en-GB"/>
              <a:t>Second level</a:t>
            </a:r>
          </a:p>
          <a:p>
            <a:pPr lvl="2"/>
            <a:r>
              <a:rPr lang="en-GB"/>
              <a:t>Third level</a:t>
            </a:r>
          </a:p>
          <a:p>
            <a:pPr lvl="3"/>
            <a:endParaRPr lang="en-GB"/>
          </a:p>
        </p:txBody>
      </p:sp>
    </p:spTree>
    <p:extLst>
      <p:ext uri="{BB962C8B-B14F-4D97-AF65-F5344CB8AC3E}">
        <p14:creationId xmlns:p14="http://schemas.microsoft.com/office/powerpoint/2010/main" val="1181660403"/>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Agenda mit Bild">
    <p:spTree>
      <p:nvGrpSpPr>
        <p:cNvPr id="1" name=""/>
        <p:cNvGrpSpPr/>
        <p:nvPr/>
      </p:nvGrpSpPr>
      <p:grpSpPr>
        <a:xfrm>
          <a:off x="0" y="0"/>
          <a:ext cx="0" cy="0"/>
          <a:chOff x="0" y="0"/>
          <a:chExt cx="0" cy="0"/>
        </a:xfrm>
      </p:grpSpPr>
      <p:pic>
        <p:nvPicPr>
          <p:cNvPr id="12" name="Picture 11" descr="A picture containing skating, building, ramp, board&#10;&#10;Description automatically generated">
            <a:extLst>
              <a:ext uri="{FF2B5EF4-FFF2-40B4-BE49-F238E27FC236}">
                <a16:creationId xmlns:a16="http://schemas.microsoft.com/office/drawing/2014/main" id="{71655C6F-D683-4181-8A76-C2CF9E2F41C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r="58763"/>
          <a:stretch/>
        </p:blipFill>
        <p:spPr>
          <a:xfrm>
            <a:off x="5963683" y="0"/>
            <a:ext cx="3180318" cy="5143500"/>
          </a:xfrm>
          <a:prstGeom prst="rect">
            <a:avLst/>
          </a:prstGeom>
        </p:spPr>
      </p:pic>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a:xfrm>
            <a:off x="358775" y="376238"/>
            <a:ext cx="5464509" cy="675727"/>
          </a:xfrm>
        </p:spPr>
        <p:txBody>
          <a:bodyPr/>
          <a:lstStyle>
            <a:lvl1pPr>
              <a:lnSpc>
                <a:spcPts val="4400"/>
              </a:lnSpc>
              <a:defRPr sz="2400">
                <a:latin typeface="Gill Sans Nova Light" panose="020B0302020104020203" pitchFamily="34" charset="0"/>
              </a:defRPr>
            </a:lvl1pPr>
          </a:lstStyle>
          <a:p>
            <a:r>
              <a:rPr lang="en-GB"/>
              <a:t>Click to edit Master title style</a:t>
            </a:r>
          </a:p>
        </p:txBody>
      </p:sp>
      <p:sp>
        <p:nvSpPr>
          <p:cNvPr id="5" name="Text Placeholder 4">
            <a:extLst>
              <a:ext uri="{FF2B5EF4-FFF2-40B4-BE49-F238E27FC236}">
                <a16:creationId xmlns:a16="http://schemas.microsoft.com/office/drawing/2014/main" id="{47F3237B-A6D8-401E-A0E8-75ED37DDC0FA}"/>
              </a:ext>
            </a:extLst>
          </p:cNvPr>
          <p:cNvSpPr>
            <a:spLocks noGrp="1"/>
          </p:cNvSpPr>
          <p:nvPr>
            <p:ph type="body" sz="quarter" idx="13"/>
          </p:nvPr>
        </p:nvSpPr>
        <p:spPr>
          <a:xfrm>
            <a:off x="358775" y="1276350"/>
            <a:ext cx="5000404" cy="3203575"/>
          </a:xfrm>
        </p:spPr>
        <p:txBody>
          <a:bodyPr>
            <a:normAutofit/>
          </a:bodyPr>
          <a:lstStyle>
            <a:lvl1pPr marL="396000" indent="-396000">
              <a:spcAft>
                <a:spcPts val="600"/>
              </a:spcAft>
              <a:buFont typeface="+mj-lt"/>
              <a:buAutoNum type="arabicPeriod"/>
              <a:defRPr sz="1600"/>
            </a:lvl1pPr>
            <a:lvl2pPr marL="342900" indent="-342900">
              <a:spcAft>
                <a:spcPts val="600"/>
              </a:spcAft>
              <a:buFont typeface="+mj-lt"/>
              <a:buAutoNum type="arabicPeriod"/>
              <a:defRPr sz="1600"/>
            </a:lvl2pPr>
            <a:lvl3pPr marL="342900" indent="-342900">
              <a:spcAft>
                <a:spcPts val="600"/>
              </a:spcAft>
              <a:buFont typeface="+mj-lt"/>
              <a:buAutoNum type="arabicPeriod"/>
              <a:defRPr sz="1600"/>
            </a:lvl3pPr>
            <a:lvl4pPr marL="342900" indent="-342900">
              <a:spcAft>
                <a:spcPts val="600"/>
              </a:spcAft>
              <a:buFont typeface="+mj-lt"/>
              <a:buAutoNum type="arabicPeriod"/>
              <a:defRPr sz="1600"/>
            </a:lvl4pPr>
            <a:lvl5pPr marL="342900" indent="-342900">
              <a:spcAft>
                <a:spcPts val="600"/>
              </a:spcAft>
              <a:buFont typeface="+mj-lt"/>
              <a:buAutoNum type="arabicPeriod"/>
              <a:defRPr sz="1600"/>
            </a:lvl5pPr>
          </a:lstStyle>
          <a:p>
            <a:pPr lvl="0"/>
            <a:r>
              <a:rPr lang="en-GB"/>
              <a:t>Click to edit Master text styles</a:t>
            </a:r>
          </a:p>
        </p:txBody>
      </p:sp>
      <p:sp>
        <p:nvSpPr>
          <p:cNvPr id="10" name="Rectangle 9" descr="{&quot;templafy&quot;:{&quot;id&quot;:&quot;22a155cf-0107-461a-b6d9-a325ddb1d34f&quot;}}">
            <a:extLst>
              <a:ext uri="{FF2B5EF4-FFF2-40B4-BE49-F238E27FC236}">
                <a16:creationId xmlns:a16="http://schemas.microsoft.com/office/drawing/2014/main" id="{AA1C14F3-85E4-47DF-A8F9-0A6C945C6727}"/>
              </a:ext>
            </a:extLst>
          </p:cNvPr>
          <p:cNvSpPr/>
          <p:nvPr userDrawn="1"/>
        </p:nvSpPr>
        <p:spPr>
          <a:xfrm>
            <a:off x="2516261" y="4767263"/>
            <a:ext cx="3307023"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pic>
        <p:nvPicPr>
          <p:cNvPr id="3429348" name="Rectangle 10" descr="{&quot;templafy&quot;:{&quot;id&quot;:&quot;74602429-32bc-4b8b-8611-28cc7dae0dbc&quot;}}"/>
          <p:cNvPicPr>
            <a:picLocks noChangeAspect="1"/>
          </p:cNvPicPr>
          <p:nvPr/>
        </p:nvPicPr>
        <p:blipFill>
          <a:blip r:embed="rId3"/>
          <a:stretch>
            <a:fillRect/>
          </a:stretch>
        </p:blipFill>
        <p:spPr>
          <a:xfrm>
            <a:off x="358775" y="4668427"/>
            <a:ext cx="1026000" cy="367200"/>
          </a:xfrm>
          <a:prstGeom prst="rect">
            <a:avLst/>
          </a:prstGeom>
        </p:spPr>
      </p:pic>
      <p:sp>
        <p:nvSpPr>
          <p:cNvPr id="13" name="Rectangle 12" descr="{&quot;templafy&quot;:{&quot;id&quot;:&quot;899bdbb5-22e6-4624-acb1-3b73ce0cc67f&quot;}}" hidden="1">
            <a:extLst>
              <a:ext uri="{FF2B5EF4-FFF2-40B4-BE49-F238E27FC236}">
                <a16:creationId xmlns:a16="http://schemas.microsoft.com/office/drawing/2014/main" id="{829DC8B1-9D54-4E8C-B174-7B9355FD57F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
Institute of Behavioral Science and Technology</a:t>
            </a:r>
          </a:p>
        </p:txBody>
      </p:sp>
      <p:sp>
        <p:nvSpPr>
          <p:cNvPr id="11" name="TextBox 10">
            <a:extLst>
              <a:ext uri="{FF2B5EF4-FFF2-40B4-BE49-F238E27FC236}">
                <a16:creationId xmlns:a16="http://schemas.microsoft.com/office/drawing/2014/main" id="{65C82F24-EF8A-6549-BFE5-233EDC78A625}"/>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628473109"/>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apiteltrenner 2">
    <p:bg>
      <p:bgPr>
        <a:solidFill>
          <a:schemeClr val="bg2"/>
        </a:solidFill>
        <a:effectLst/>
      </p:bgPr>
    </p:bg>
    <p:spTree>
      <p:nvGrpSpPr>
        <p:cNvPr id="1" name=""/>
        <p:cNvGrpSpPr/>
        <p:nvPr/>
      </p:nvGrpSpPr>
      <p:grpSpPr>
        <a:xfrm>
          <a:off x="0" y="0"/>
          <a:ext cx="0" cy="0"/>
          <a:chOff x="0" y="0"/>
          <a:chExt cx="0" cy="0"/>
        </a:xfrm>
      </p:grpSpPr>
      <p:sp>
        <p:nvSpPr>
          <p:cNvPr id="4" name="Picture Placeholder 4">
            <a:extLst>
              <a:ext uri="{FF2B5EF4-FFF2-40B4-BE49-F238E27FC236}">
                <a16:creationId xmlns:a16="http://schemas.microsoft.com/office/drawing/2014/main" id="{DC68F798-C07C-4BF8-8573-0552735B83EA}"/>
              </a:ext>
            </a:extLst>
          </p:cNvPr>
          <p:cNvSpPr>
            <a:spLocks noGrp="1"/>
          </p:cNvSpPr>
          <p:nvPr>
            <p:ph type="pic" sz="quarter" idx="11"/>
          </p:nvPr>
        </p:nvSpPr>
        <p:spPr>
          <a:xfrm>
            <a:off x="0" y="0"/>
            <a:ext cx="9144000" cy="5143500"/>
          </a:xfrm>
        </p:spPr>
        <p:txBody>
          <a:bodyPr/>
          <a:lstStyle/>
          <a:p>
            <a:r>
              <a:rPr lang="en-GB"/>
              <a:t>Click icon to add picture</a:t>
            </a:r>
          </a:p>
        </p:txBody>
      </p:sp>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tx1"/>
                </a:solidFill>
                <a:latin typeface="Gill Sans Nova Light" panose="020B0302020104020203" pitchFamily="34" charset="0"/>
              </a:defRPr>
            </a:lvl1pPr>
          </a:lstStyle>
          <a:p>
            <a:r>
              <a:rPr lang="en-GB"/>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tx1"/>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en-GB"/>
              <a:t>Click to edit Master text styles</a:t>
            </a:r>
          </a:p>
        </p:txBody>
      </p:sp>
      <p:sp>
        <p:nvSpPr>
          <p:cNvPr id="5" name="Freeform: Shape 6">
            <a:extLst>
              <a:ext uri="{FF2B5EF4-FFF2-40B4-BE49-F238E27FC236}">
                <a16:creationId xmlns:a16="http://schemas.microsoft.com/office/drawing/2014/main" id="{28891D8A-324F-9A48-9109-E78C0AF0483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6" name="TextBox 5">
            <a:extLst>
              <a:ext uri="{FF2B5EF4-FFF2-40B4-BE49-F238E27FC236}">
                <a16:creationId xmlns:a16="http://schemas.microsoft.com/office/drawing/2014/main" id="{FEF8CE01-582B-9148-AD9D-8B6A310BB8B4}"/>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140729860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el zwei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en-GB"/>
              <a:t>Click to edit Master title style</a:t>
            </a:r>
          </a:p>
        </p:txBody>
      </p:sp>
      <p:sp>
        <p:nvSpPr>
          <p:cNvPr id="3" name="Content Placeholder 2">
            <a:extLst>
              <a:ext uri="{FF2B5EF4-FFF2-40B4-BE49-F238E27FC236}">
                <a16:creationId xmlns:a16="http://schemas.microsoft.com/office/drawing/2014/main" id="{8CD7A6B4-FE62-49DA-AB92-A00E16DDD412}"/>
              </a:ext>
            </a:extLst>
          </p:cNvPr>
          <p:cNvSpPr>
            <a:spLocks noGrp="1"/>
          </p:cNvSpPr>
          <p:nvPr>
            <p:ph sz="half" idx="1"/>
          </p:nvPr>
        </p:nvSpPr>
        <p:spPr>
          <a:xfrm>
            <a:off x="358776" y="1276349"/>
            <a:ext cx="4122738" cy="3203576"/>
          </a:xfrm>
        </p:spPr>
        <p:txBody>
          <a:bodyPr>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Content Placeholder 3">
            <a:extLst>
              <a:ext uri="{FF2B5EF4-FFF2-40B4-BE49-F238E27FC236}">
                <a16:creationId xmlns:a16="http://schemas.microsoft.com/office/drawing/2014/main" id="{E44DB25E-F340-4288-90DE-3831A8F49925}"/>
              </a:ext>
            </a:extLst>
          </p:cNvPr>
          <p:cNvSpPr>
            <a:spLocks noGrp="1"/>
          </p:cNvSpPr>
          <p:nvPr>
            <p:ph sz="half" idx="2"/>
          </p:nvPr>
        </p:nvSpPr>
        <p:spPr>
          <a:xfrm>
            <a:off x="4662487" y="1276350"/>
            <a:ext cx="4122737" cy="3203575"/>
          </a:xfrm>
        </p:spPr>
        <p:txBody>
          <a:bodyPr>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pic>
        <p:nvPicPr>
          <p:cNvPr id="402068276" name="Rectangle 4" descr="{&quot;templafy&quot;:{&quot;id&quot;:&quot;dc5e61e4-75b8-450f-99af-bcf109e96cb4&quot;}}"/>
          <p:cNvPicPr>
            <a:picLocks noChangeAspect="1"/>
          </p:cNvPicPr>
          <p:nvPr/>
        </p:nvPicPr>
        <p:blipFill>
          <a:blip r:embed="rId2"/>
          <a:stretch>
            <a:fillRect/>
          </a:stretch>
        </p:blipFill>
        <p:spPr>
          <a:xfrm>
            <a:off x="358775" y="4668427"/>
            <a:ext cx="1026000" cy="367200"/>
          </a:xfrm>
          <a:prstGeom prst="rect">
            <a:avLst/>
          </a:prstGeom>
        </p:spPr>
      </p:pic>
      <p:sp>
        <p:nvSpPr>
          <p:cNvPr id="6" name="Rectangle 5" descr="{&quot;templafy&quot;:{&quot;id&quot;:&quot;35f76817-686e-422f-8660-b24fe2ad9a8a&quot;}}">
            <a:extLst>
              <a:ext uri="{FF2B5EF4-FFF2-40B4-BE49-F238E27FC236}">
                <a16:creationId xmlns:a16="http://schemas.microsoft.com/office/drawing/2014/main" id="{4E03CCCD-CB66-429F-BC77-64B5370808F2}"/>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7" name="Rectangle 6" descr="{&quot;templafy&quot;:{&quot;id&quot;:&quot;de04ac77-98be-4442-8c49-daf9b0183699&quot;}}" hidden="1">
            <a:extLst>
              <a:ext uri="{FF2B5EF4-FFF2-40B4-BE49-F238E27FC236}">
                <a16:creationId xmlns:a16="http://schemas.microsoft.com/office/drawing/2014/main" id="{B915E154-BDC4-452C-BDE7-882BE349B50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
Institute of Behavioral Science and Technology</a:t>
            </a:r>
          </a:p>
        </p:txBody>
      </p:sp>
      <p:sp>
        <p:nvSpPr>
          <p:cNvPr id="14" name="Freeform: Shape 6">
            <a:extLst>
              <a:ext uri="{FF2B5EF4-FFF2-40B4-BE49-F238E27FC236}">
                <a16:creationId xmlns:a16="http://schemas.microsoft.com/office/drawing/2014/main" id="{DB15F536-DD60-2548-B19E-02501D8EF8D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6" name="TextBox 15">
            <a:extLst>
              <a:ext uri="{FF2B5EF4-FFF2-40B4-BE49-F238E27FC236}">
                <a16:creationId xmlns:a16="http://schemas.microsoft.com/office/drawing/2014/main" id="{4824EA5E-71CB-574A-B39C-0273F719D6F7}"/>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181398536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Slide 3">
    <p:bg>
      <p:bgPr>
        <a:solidFill>
          <a:schemeClr val="bg1"/>
        </a:solidFill>
        <a:effectLst/>
      </p:bgPr>
    </p:bg>
    <p:spTree>
      <p:nvGrpSpPr>
        <p:cNvPr id="1" name=""/>
        <p:cNvGrpSpPr/>
        <p:nvPr/>
      </p:nvGrpSpPr>
      <p:grpSpPr>
        <a:xfrm>
          <a:off x="0" y="0"/>
          <a:ext cx="0" cy="0"/>
          <a:chOff x="0" y="0"/>
          <a:chExt cx="0" cy="0"/>
        </a:xfrm>
      </p:grpSpPr>
      <p:sp>
        <p:nvSpPr>
          <p:cNvPr id="15" name="Rectangle 9">
            <a:extLst>
              <a:ext uri="{FF2B5EF4-FFF2-40B4-BE49-F238E27FC236}">
                <a16:creationId xmlns:a16="http://schemas.microsoft.com/office/drawing/2014/main" id="{2B100237-7431-49D0-8F7C-9E1F2717B96C}"/>
              </a:ext>
            </a:extLst>
          </p:cNvPr>
          <p:cNvSpPr/>
          <p:nvPr userDrawn="1"/>
        </p:nvSpPr>
        <p:spPr>
          <a:xfrm>
            <a:off x="5761585" y="1624745"/>
            <a:ext cx="2419577" cy="2689737"/>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noFill/>
          <a:ln w="508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TextBox 11">
            <a:extLst>
              <a:ext uri="{FF2B5EF4-FFF2-40B4-BE49-F238E27FC236}">
                <a16:creationId xmlns:a16="http://schemas.microsoft.com/office/drawing/2014/main" id="{DF9714C5-06E3-4370-A728-9DC7B080DE43}"/>
              </a:ext>
            </a:extLst>
          </p:cNvPr>
          <p:cNvSpPr txBox="1"/>
          <p:nvPr userDrawn="1"/>
        </p:nvSpPr>
        <p:spPr>
          <a:xfrm>
            <a:off x="6787662" y="4613375"/>
            <a:ext cx="1997563" cy="153888"/>
          </a:xfrm>
          <a:prstGeom prst="rect">
            <a:avLst/>
          </a:prstGeom>
          <a:noFill/>
        </p:spPr>
        <p:txBody>
          <a:bodyPr wrap="square" lIns="0" tIns="0" rIns="0" bIns="0" rtlCol="0">
            <a:spAutoFit/>
          </a:bodyPr>
          <a:lstStyle/>
          <a:p>
            <a:pPr algn="r"/>
            <a:r>
              <a:rPr lang="en-GB" sz="1000">
                <a:solidFill>
                  <a:schemeClr val="tx1"/>
                </a:solidFill>
              </a:rPr>
              <a:t>From </a:t>
            </a:r>
            <a:r>
              <a:rPr lang="en-GB" sz="1000" err="1">
                <a:solidFill>
                  <a:schemeClr val="tx1"/>
                </a:solidFill>
              </a:rPr>
              <a:t>insight</a:t>
            </a:r>
            <a:r>
              <a:rPr lang="en-GB" sz="1000">
                <a:solidFill>
                  <a:schemeClr val="tx1"/>
                </a:solidFill>
              </a:rPr>
              <a:t> </a:t>
            </a:r>
            <a:r>
              <a:rPr lang="en-GB" sz="1000" err="1">
                <a:solidFill>
                  <a:schemeClr val="tx1"/>
                </a:solidFill>
              </a:rPr>
              <a:t>to</a:t>
            </a:r>
            <a:r>
              <a:rPr lang="en-GB" sz="1000">
                <a:solidFill>
                  <a:schemeClr val="tx1"/>
                </a:solidFill>
              </a:rPr>
              <a:t> </a:t>
            </a:r>
            <a:r>
              <a:rPr lang="en-GB" sz="1000" err="1">
                <a:solidFill>
                  <a:schemeClr val="tx1"/>
                </a:solidFill>
              </a:rPr>
              <a:t>impact</a:t>
            </a:r>
            <a:r>
              <a:rPr lang="en-GB" sz="1000">
                <a:solidFill>
                  <a:schemeClr val="tx1"/>
                </a:solidFill>
              </a:rPr>
              <a:t>.</a:t>
            </a:r>
          </a:p>
        </p:txBody>
      </p:sp>
      <p:sp>
        <p:nvSpPr>
          <p:cNvPr id="10" name="Rectangle 9">
            <a:extLst>
              <a:ext uri="{FF2B5EF4-FFF2-40B4-BE49-F238E27FC236}">
                <a16:creationId xmlns:a16="http://schemas.microsoft.com/office/drawing/2014/main" id="{3E4AF4D0-D837-4E91-97F8-5213372D62BA}"/>
              </a:ext>
            </a:extLst>
          </p:cNvPr>
          <p:cNvSpPr/>
          <p:nvPr userDrawn="1"/>
        </p:nvSpPr>
        <p:spPr>
          <a:xfrm>
            <a:off x="5761585" y="450660"/>
            <a:ext cx="3408789" cy="3789400"/>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blipFill dpi="0" rotWithShape="1">
            <a:blip r:embed="rId2">
              <a:extLst>
                <a:ext uri="{28A0092B-C50C-407E-A947-70E740481C1C}">
                  <a14:useLocalDpi xmlns:a14="http://schemas.microsoft.com/office/drawing/2010/main" val="0"/>
                </a:ext>
              </a:extLst>
            </a:blip>
            <a:srcRect/>
            <a:stretch>
              <a:fillRect l="-36346" t="-6" r="-43098" b="-1866"/>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582099631" name="Rectangle 7" descr="{&quot;templafy&quot;:{&quot;id&quot;:&quot;3212cf5d-c785-4ab5-bfb7-730fc28b88ca&quot;}}"/>
          <p:cNvPicPr>
            <a:picLocks noChangeAspect="1"/>
          </p:cNvPicPr>
          <p:nvPr/>
        </p:nvPicPr>
        <p:blipFill>
          <a:blip r:embed="rId3"/>
          <a:stretch>
            <a:fillRect/>
          </a:stretch>
        </p:blipFill>
        <p:spPr>
          <a:xfrm>
            <a:off x="358775" y="313025"/>
            <a:ext cx="2221200" cy="792000"/>
          </a:xfrm>
          <a:prstGeom prst="rect">
            <a:avLst/>
          </a:prstGeom>
        </p:spPr>
      </p:pic>
      <p:sp>
        <p:nvSpPr>
          <p:cNvPr id="13" name="Title 4">
            <a:extLst>
              <a:ext uri="{FF2B5EF4-FFF2-40B4-BE49-F238E27FC236}">
                <a16:creationId xmlns:a16="http://schemas.microsoft.com/office/drawing/2014/main" id="{77013848-41F0-44AD-9301-BEF9A1A4878E}"/>
              </a:ext>
            </a:extLst>
          </p:cNvPr>
          <p:cNvSpPr>
            <a:spLocks noGrp="1"/>
          </p:cNvSpPr>
          <p:nvPr>
            <p:ph type="title"/>
          </p:nvPr>
        </p:nvSpPr>
        <p:spPr>
          <a:xfrm>
            <a:off x="827013" y="1276350"/>
            <a:ext cx="4503600" cy="1942874"/>
          </a:xfrm>
        </p:spPr>
        <p:txBody>
          <a:bodyPr anchor="b"/>
          <a:lstStyle>
            <a:lvl1pPr>
              <a:lnSpc>
                <a:spcPts val="4200"/>
              </a:lnSpc>
              <a:defRPr sz="4000">
                <a:latin typeface="Gill Sans Nova Light" panose="020B0302020104020203" pitchFamily="34" charset="0"/>
              </a:defRPr>
            </a:lvl1pPr>
          </a:lstStyle>
          <a:p>
            <a:r>
              <a:rPr lang="en-GB"/>
              <a:t>Click to edit Master title style</a:t>
            </a:r>
          </a:p>
        </p:txBody>
      </p:sp>
      <p:sp>
        <p:nvSpPr>
          <p:cNvPr id="14" name="Text Placeholder 6">
            <a:extLst>
              <a:ext uri="{FF2B5EF4-FFF2-40B4-BE49-F238E27FC236}">
                <a16:creationId xmlns:a16="http://schemas.microsoft.com/office/drawing/2014/main" id="{8245421C-670F-4227-B79D-994FE547F9A2}"/>
              </a:ext>
            </a:extLst>
          </p:cNvPr>
          <p:cNvSpPr>
            <a:spLocks noGrp="1"/>
          </p:cNvSpPr>
          <p:nvPr>
            <p:ph type="body" sz="quarter" idx="11"/>
          </p:nvPr>
        </p:nvSpPr>
        <p:spPr>
          <a:xfrm>
            <a:off x="831027" y="3452115"/>
            <a:ext cx="3650486"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en-GB"/>
              <a:t>Click to edit Master text styles</a:t>
            </a:r>
          </a:p>
          <a:p>
            <a:pPr lvl="1"/>
            <a:r>
              <a:rPr lang="en-GB"/>
              <a:t>Second level</a:t>
            </a:r>
          </a:p>
          <a:p>
            <a:pPr lvl="2"/>
            <a:r>
              <a:rPr lang="en-GB"/>
              <a:t>Third level</a:t>
            </a:r>
          </a:p>
          <a:p>
            <a:pPr lvl="3"/>
            <a:endParaRPr lang="en-GB"/>
          </a:p>
        </p:txBody>
      </p:sp>
    </p:spTree>
    <p:extLst>
      <p:ext uri="{BB962C8B-B14F-4D97-AF65-F5344CB8AC3E}">
        <p14:creationId xmlns:p14="http://schemas.microsoft.com/office/powerpoint/2010/main" val="134451636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el u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p:txBody>
          <a:bodyPr/>
          <a:lstStyle/>
          <a:p>
            <a:r>
              <a:rPr lang="en-GB"/>
              <a:t>Click to edit Master title style</a:t>
            </a:r>
          </a:p>
        </p:txBody>
      </p:sp>
      <p:sp>
        <p:nvSpPr>
          <p:cNvPr id="3" name="Content Placeholder 2">
            <a:extLst>
              <a:ext uri="{FF2B5EF4-FFF2-40B4-BE49-F238E27FC236}">
                <a16:creationId xmlns:a16="http://schemas.microsoft.com/office/drawing/2014/main" id="{1B1DFF60-9E69-4915-A0DD-67FF253288CC}"/>
              </a:ext>
            </a:extLst>
          </p:cNvPr>
          <p:cNvSpPr>
            <a:spLocks noGrp="1"/>
          </p:cNvSpPr>
          <p:nvPr>
            <p:ph idx="1"/>
          </p:nvPr>
        </p:nvSpPr>
        <p:spPr/>
        <p:txBody>
          <a:bodyPr>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pic>
        <p:nvPicPr>
          <p:cNvPr id="2117371023" name="Rectangle 11" descr="{&quot;templafy&quot;:{&quot;id&quot;:&quot;1810d80c-a5f9-4e21-bdba-7d32a3ac01dc&quot;}}"/>
          <p:cNvPicPr>
            <a:picLocks noChangeAspect="1"/>
          </p:cNvPicPr>
          <p:nvPr/>
        </p:nvPicPr>
        <p:blipFill>
          <a:blip r:embed="rId2"/>
          <a:stretch>
            <a:fillRect/>
          </a:stretch>
        </p:blipFill>
        <p:spPr>
          <a:xfrm>
            <a:off x="358775" y="4668427"/>
            <a:ext cx="1026000" cy="367200"/>
          </a:xfrm>
          <a:prstGeom prst="rect">
            <a:avLst/>
          </a:prstGeom>
        </p:spPr>
      </p:pic>
      <p:sp>
        <p:nvSpPr>
          <p:cNvPr id="13" name="Rectangle 12" descr="{&quot;templafy&quot;:{&quot;id&quot;:&quot;f1635ba6-4b29-4446-b684-6eeb5ccdbe68&quot;}}">
            <a:extLst>
              <a:ext uri="{FF2B5EF4-FFF2-40B4-BE49-F238E27FC236}">
                <a16:creationId xmlns:a16="http://schemas.microsoft.com/office/drawing/2014/main" id="{B5B29C83-7B2A-4E20-895A-585B8348684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9" name="Rectangle 8" descr="{&quot;templafy&quot;:{&quot;id&quot;:&quot;e4cdab3d-3ac4-4a9d-8c67-2efe64bd84cf&quot;}}" hidden="1">
            <a:extLst>
              <a:ext uri="{FF2B5EF4-FFF2-40B4-BE49-F238E27FC236}">
                <a16:creationId xmlns:a16="http://schemas.microsoft.com/office/drawing/2014/main" id="{2B2F7145-7DCA-4B3F-A8AE-07622CB5DF8E}"/>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
Institute of Behavioral Science and Technology</a:t>
            </a:r>
          </a:p>
        </p:txBody>
      </p:sp>
      <p:sp>
        <p:nvSpPr>
          <p:cNvPr id="11" name="Freeform: Shape 6">
            <a:extLst>
              <a:ext uri="{FF2B5EF4-FFF2-40B4-BE49-F238E27FC236}">
                <a16:creationId xmlns:a16="http://schemas.microsoft.com/office/drawing/2014/main" id="{5370B908-E555-394F-87EC-7B71C3D9AD1B}"/>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TextBox 11">
            <a:extLst>
              <a:ext uri="{FF2B5EF4-FFF2-40B4-BE49-F238E27FC236}">
                <a16:creationId xmlns:a16="http://schemas.microsoft.com/office/drawing/2014/main" id="{3C0FAE03-DE1D-DF48-9D41-DDD43DE7668E}"/>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1987881015"/>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Zwei Bilder mit Legende">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0" y="0"/>
            <a:ext cx="4571999" cy="3887599"/>
          </a:xfrm>
        </p:spPr>
        <p:txBody>
          <a:bodyPr/>
          <a:lstStyle/>
          <a:p>
            <a:r>
              <a:rPr lang="en-GB"/>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0"/>
            <a:ext cx="4572000" cy="3887599"/>
          </a:xfrm>
        </p:spPr>
        <p:txBody>
          <a:bodyPr/>
          <a:lstStyle/>
          <a:p>
            <a:r>
              <a:rPr lang="en-GB"/>
              <a:t>Click icon to add picture</a:t>
            </a:r>
          </a:p>
        </p:txBody>
      </p:sp>
      <p:sp>
        <p:nvSpPr>
          <p:cNvPr id="4" name="Text Placeholder 3">
            <a:extLst>
              <a:ext uri="{FF2B5EF4-FFF2-40B4-BE49-F238E27FC236}">
                <a16:creationId xmlns:a16="http://schemas.microsoft.com/office/drawing/2014/main" id="{C19FAD45-6EEE-4522-8CA6-5189DCDD487C}"/>
              </a:ext>
            </a:extLst>
          </p:cNvPr>
          <p:cNvSpPr>
            <a:spLocks noGrp="1"/>
          </p:cNvSpPr>
          <p:nvPr>
            <p:ph type="body" sz="quarter" idx="16"/>
          </p:nvPr>
        </p:nvSpPr>
        <p:spPr>
          <a:xfrm>
            <a:off x="358775" y="3989388"/>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en-GB"/>
              <a:t>Click to edit Master text styles</a:t>
            </a:r>
          </a:p>
        </p:txBody>
      </p:sp>
      <p:sp>
        <p:nvSpPr>
          <p:cNvPr id="12" name="Text Placeholder 3">
            <a:extLst>
              <a:ext uri="{FF2B5EF4-FFF2-40B4-BE49-F238E27FC236}">
                <a16:creationId xmlns:a16="http://schemas.microsoft.com/office/drawing/2014/main" id="{447F9A9E-BA08-4C8F-96E1-0E7C7D71B398}"/>
              </a:ext>
            </a:extLst>
          </p:cNvPr>
          <p:cNvSpPr>
            <a:spLocks noGrp="1"/>
          </p:cNvSpPr>
          <p:nvPr>
            <p:ph type="body" sz="quarter" idx="17"/>
          </p:nvPr>
        </p:nvSpPr>
        <p:spPr>
          <a:xfrm>
            <a:off x="4662487" y="3989387"/>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en-GB"/>
              <a:t>Click to edit Master text styles</a:t>
            </a:r>
          </a:p>
        </p:txBody>
      </p:sp>
      <p:pic>
        <p:nvPicPr>
          <p:cNvPr id="1623706123" name="Rectangle 14" descr="{&quot;templafy&quot;:{&quot;id&quot;:&quot;c4453a4c-9c9d-4490-9979-e9eec637c4f0&quot;}}"/>
          <p:cNvPicPr>
            <a:picLocks noChangeAspect="1"/>
          </p:cNvPicPr>
          <p:nvPr/>
        </p:nvPicPr>
        <p:blipFill>
          <a:blip r:embed="rId2"/>
          <a:stretch>
            <a:fillRect/>
          </a:stretch>
        </p:blipFill>
        <p:spPr>
          <a:xfrm>
            <a:off x="358775" y="4668427"/>
            <a:ext cx="1026000" cy="367200"/>
          </a:xfrm>
          <a:prstGeom prst="rect">
            <a:avLst/>
          </a:prstGeom>
        </p:spPr>
      </p:pic>
      <p:sp>
        <p:nvSpPr>
          <p:cNvPr id="14" name="Rectangle 13" descr="{&quot;templafy&quot;:{&quot;id&quot;:&quot;b7f9c443-baa2-4b47-897c-aa16e9b9bdc4&quot;}}">
            <a:extLst>
              <a:ext uri="{FF2B5EF4-FFF2-40B4-BE49-F238E27FC236}">
                <a16:creationId xmlns:a16="http://schemas.microsoft.com/office/drawing/2014/main" id="{EF755AF0-F63E-4747-9211-327C44DA029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16" name="Rectangle 15" descr="{&quot;templafy&quot;:{&quot;id&quot;:&quot;0dacea46-d5e2-49ba-9a08-e10a7bb2ac19&quot;}}" hidden="1">
            <a:extLst>
              <a:ext uri="{FF2B5EF4-FFF2-40B4-BE49-F238E27FC236}">
                <a16:creationId xmlns:a16="http://schemas.microsoft.com/office/drawing/2014/main" id="{97ACC166-7757-4B59-A180-1D797D03E7B1}"/>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
Institute of Behavioral Science and Technology</a:t>
            </a:r>
          </a:p>
        </p:txBody>
      </p:sp>
      <p:sp>
        <p:nvSpPr>
          <p:cNvPr id="15" name="Freeform: Shape 6">
            <a:extLst>
              <a:ext uri="{FF2B5EF4-FFF2-40B4-BE49-F238E27FC236}">
                <a16:creationId xmlns:a16="http://schemas.microsoft.com/office/drawing/2014/main" id="{2D145005-8CEC-8F41-B524-83156FB1D9CA}"/>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7" name="TextBox 16">
            <a:extLst>
              <a:ext uri="{FF2B5EF4-FFF2-40B4-BE49-F238E27FC236}">
                <a16:creationId xmlns:a16="http://schemas.microsoft.com/office/drawing/2014/main" id="{38537341-0811-A444-BE14-A62258D2C514}"/>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56028078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type="titleOnly" preserve="1">
  <p:cSld name="Nur Tite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AFF4CC-30A2-4B7B-BA9D-1A66D47649F5}"/>
              </a:ext>
            </a:extLst>
          </p:cNvPr>
          <p:cNvSpPr>
            <a:spLocks noGrp="1"/>
          </p:cNvSpPr>
          <p:nvPr>
            <p:ph type="title"/>
          </p:nvPr>
        </p:nvSpPr>
        <p:spPr/>
        <p:txBody>
          <a:bodyPr/>
          <a:lstStyle/>
          <a:p>
            <a:r>
              <a:rPr lang="en-GB"/>
              <a:t>Click to edit Master title style</a:t>
            </a:r>
          </a:p>
        </p:txBody>
      </p:sp>
      <p:pic>
        <p:nvPicPr>
          <p:cNvPr id="911220110" name="Rectangle 9" descr="{&quot;templafy&quot;:{&quot;id&quot;:&quot;eb10fd8d-1b37-464d-a850-a9ef918065b8&quot;}}"/>
          <p:cNvPicPr>
            <a:picLocks noChangeAspect="1"/>
          </p:cNvPicPr>
          <p:nvPr/>
        </p:nvPicPr>
        <p:blipFill>
          <a:blip r:embed="rId2"/>
          <a:stretch>
            <a:fillRect/>
          </a:stretch>
        </p:blipFill>
        <p:spPr>
          <a:xfrm>
            <a:off x="358775" y="4668427"/>
            <a:ext cx="1026000" cy="367200"/>
          </a:xfrm>
          <a:prstGeom prst="rect">
            <a:avLst/>
          </a:prstGeom>
        </p:spPr>
      </p:pic>
      <p:sp>
        <p:nvSpPr>
          <p:cNvPr id="11" name="Rectangle 10" descr="{&quot;templafy&quot;:{&quot;id&quot;:&quot;fbefdf9e-6dfa-4646-91e4-2485afa402b5&quot;}}">
            <a:extLst>
              <a:ext uri="{FF2B5EF4-FFF2-40B4-BE49-F238E27FC236}">
                <a16:creationId xmlns:a16="http://schemas.microsoft.com/office/drawing/2014/main" id="{3ED3541B-0C4B-4AD3-A0FB-BB276047ADCE}"/>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12" name="Rectangle 11" descr="{&quot;templafy&quot;:{&quot;id&quot;:&quot;9fd1cf17-ad44-4fd9-9b9a-ffb5d7f0292d&quot;}}" hidden="1">
            <a:extLst>
              <a:ext uri="{FF2B5EF4-FFF2-40B4-BE49-F238E27FC236}">
                <a16:creationId xmlns:a16="http://schemas.microsoft.com/office/drawing/2014/main" id="{87F7EA06-4518-4086-9E1C-ACD1F4782ADD}"/>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
Institute of Behavioral Science and Technology</a:t>
            </a:r>
          </a:p>
        </p:txBody>
      </p:sp>
      <p:sp>
        <p:nvSpPr>
          <p:cNvPr id="10" name="Freeform: Shape 6">
            <a:extLst>
              <a:ext uri="{FF2B5EF4-FFF2-40B4-BE49-F238E27FC236}">
                <a16:creationId xmlns:a16="http://schemas.microsoft.com/office/drawing/2014/main" id="{C1C6A374-4500-FB43-BEA8-02AB3032EB24}"/>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TextBox 12">
            <a:extLst>
              <a:ext uri="{FF2B5EF4-FFF2-40B4-BE49-F238E27FC236}">
                <a16:creationId xmlns:a16="http://schemas.microsoft.com/office/drawing/2014/main" id="{1DC9F3AD-BA15-9549-A683-1A8BF2F44EC7}"/>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403690575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Zitat weisse Schrift">
    <p:bg>
      <p:bgPr>
        <a:solidFill>
          <a:schemeClr val="accent3"/>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en-GB"/>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solidFill>
                  <a:schemeClr val="tx1"/>
                </a:solidFill>
              </a:defRPr>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en-GB"/>
              <a:t>Click to edit Master text styles</a:t>
            </a:r>
          </a:p>
        </p:txBody>
      </p:sp>
    </p:spTree>
    <p:extLst>
      <p:ext uri="{BB962C8B-B14F-4D97-AF65-F5344CB8AC3E}">
        <p14:creationId xmlns:p14="http://schemas.microsoft.com/office/powerpoint/2010/main" val="286583493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Statement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8000" y="735013"/>
            <a:ext cx="5148000" cy="3728674"/>
          </a:xfrm>
        </p:spPr>
        <p:txBody>
          <a:bodyPr>
            <a:normAutofit/>
          </a:bodyPr>
          <a:lstStyle>
            <a:lvl1pPr>
              <a:lnSpc>
                <a:spcPct val="90000"/>
              </a:lnSpc>
              <a:defRPr sz="7900">
                <a:solidFill>
                  <a:schemeClr val="bg2"/>
                </a:solidFill>
                <a:latin typeface="Gill Sans Nova Light" panose="020B0302020104020203" pitchFamily="34" charset="0"/>
              </a:defRPr>
            </a:lvl1pPr>
          </a:lstStyle>
          <a:p>
            <a:r>
              <a:rPr lang="en-GB"/>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en-GB"/>
              <a:t>Click icon to add picture</a:t>
            </a:r>
          </a:p>
        </p:txBody>
      </p:sp>
      <p:sp>
        <p:nvSpPr>
          <p:cNvPr id="4" name="Freeform: Shape 6">
            <a:extLst>
              <a:ext uri="{FF2B5EF4-FFF2-40B4-BE49-F238E27FC236}">
                <a16:creationId xmlns:a16="http://schemas.microsoft.com/office/drawing/2014/main" id="{931B1093-B04D-2D47-86CF-4B84A7D855F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5" name="TextBox 4">
            <a:extLst>
              <a:ext uri="{FF2B5EF4-FFF2-40B4-BE49-F238E27FC236}">
                <a16:creationId xmlns:a16="http://schemas.microsoft.com/office/drawing/2014/main" id="{DF24101F-9BFC-0C40-B8BF-B9ED542F5165}"/>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2773714456"/>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type="blank" preserve="1">
  <p:cSld name="Leer">
    <p:spTree>
      <p:nvGrpSpPr>
        <p:cNvPr id="1" name=""/>
        <p:cNvGrpSpPr/>
        <p:nvPr/>
      </p:nvGrpSpPr>
      <p:grpSpPr>
        <a:xfrm>
          <a:off x="0" y="0"/>
          <a:ext cx="0" cy="0"/>
          <a:chOff x="0" y="0"/>
          <a:chExt cx="0" cy="0"/>
        </a:xfrm>
      </p:grpSpPr>
      <p:sp>
        <p:nvSpPr>
          <p:cNvPr id="2" name="Freeform: Shape 6">
            <a:extLst>
              <a:ext uri="{FF2B5EF4-FFF2-40B4-BE49-F238E27FC236}">
                <a16:creationId xmlns:a16="http://schemas.microsoft.com/office/drawing/2014/main" id="{9A369F61-15CA-9943-8F19-821ACD9D8037}"/>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TextBox 2">
            <a:extLst>
              <a:ext uri="{FF2B5EF4-FFF2-40B4-BE49-F238E27FC236}">
                <a16:creationId xmlns:a16="http://schemas.microsoft.com/office/drawing/2014/main" id="{D5A68462-0FFD-004E-A1C2-084309F4293F}"/>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308067740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D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0981B0-6792-4738-ACB8-050730738F15}"/>
              </a:ext>
            </a:extLst>
          </p:cNvPr>
          <p:cNvSpPr>
            <a:spLocks noGrp="1"/>
          </p:cNvSpPr>
          <p:nvPr>
            <p:ph type="title"/>
          </p:nvPr>
        </p:nvSpPr>
        <p:spPr>
          <a:xfrm>
            <a:off x="828000" y="1044000"/>
            <a:ext cx="7957225" cy="685801"/>
          </a:xfrm>
        </p:spPr>
        <p:txBody>
          <a:bodyPr/>
          <a:lstStyle>
            <a:lvl1pPr>
              <a:lnSpc>
                <a:spcPts val="5200"/>
              </a:lnSpc>
              <a:defRPr sz="5000">
                <a:latin typeface="Gill Sans Nova Light" panose="020B0302020104020203" pitchFamily="34" charset="0"/>
              </a:defRPr>
            </a:lvl1pPr>
          </a:lstStyle>
          <a:p>
            <a:r>
              <a:rPr lang="en-GB"/>
              <a:t>Click to edit Master title style</a:t>
            </a:r>
          </a:p>
        </p:txBody>
      </p:sp>
      <p:sp>
        <p:nvSpPr>
          <p:cNvPr id="7" name="Text Placeholder 6">
            <a:extLst>
              <a:ext uri="{FF2B5EF4-FFF2-40B4-BE49-F238E27FC236}">
                <a16:creationId xmlns:a16="http://schemas.microsoft.com/office/drawing/2014/main" id="{D87D0F6F-53A1-4152-9807-5EC1BBC8849C}"/>
              </a:ext>
            </a:extLst>
          </p:cNvPr>
          <p:cNvSpPr>
            <a:spLocks noGrp="1"/>
          </p:cNvSpPr>
          <p:nvPr>
            <p:ph type="body" sz="quarter" idx="13"/>
          </p:nvPr>
        </p:nvSpPr>
        <p:spPr>
          <a:xfrm>
            <a:off x="828000"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8" name="Text Placeholder 6">
            <a:extLst>
              <a:ext uri="{FF2B5EF4-FFF2-40B4-BE49-F238E27FC236}">
                <a16:creationId xmlns:a16="http://schemas.microsoft.com/office/drawing/2014/main" id="{7824BC02-7B0E-4C56-B49A-5A28F9E62BE1}"/>
              </a:ext>
            </a:extLst>
          </p:cNvPr>
          <p:cNvSpPr>
            <a:spLocks noGrp="1"/>
          </p:cNvSpPr>
          <p:nvPr>
            <p:ph type="body" sz="quarter" idx="14"/>
          </p:nvPr>
        </p:nvSpPr>
        <p:spPr>
          <a:xfrm>
            <a:off x="828000"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2" name="Text Placeholder 6">
            <a:extLst>
              <a:ext uri="{FF2B5EF4-FFF2-40B4-BE49-F238E27FC236}">
                <a16:creationId xmlns:a16="http://schemas.microsoft.com/office/drawing/2014/main" id="{ADF580D6-76FA-48E5-A6F9-C7D7F9ECA0CF}"/>
              </a:ext>
            </a:extLst>
          </p:cNvPr>
          <p:cNvSpPr>
            <a:spLocks noGrp="1"/>
          </p:cNvSpPr>
          <p:nvPr>
            <p:ph type="body" sz="quarter" idx="16"/>
          </p:nvPr>
        </p:nvSpPr>
        <p:spPr>
          <a:xfrm>
            <a:off x="2886816"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3" name="Text Placeholder 6">
            <a:extLst>
              <a:ext uri="{FF2B5EF4-FFF2-40B4-BE49-F238E27FC236}">
                <a16:creationId xmlns:a16="http://schemas.microsoft.com/office/drawing/2014/main" id="{D6CE2E2F-1BA4-4018-8B3C-5192B4A35E20}"/>
              </a:ext>
            </a:extLst>
          </p:cNvPr>
          <p:cNvSpPr>
            <a:spLocks noGrp="1"/>
          </p:cNvSpPr>
          <p:nvPr>
            <p:ph type="body" sz="quarter" idx="17"/>
          </p:nvPr>
        </p:nvSpPr>
        <p:spPr>
          <a:xfrm>
            <a:off x="2886816"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4" name="Text Placeholder 6">
            <a:extLst>
              <a:ext uri="{FF2B5EF4-FFF2-40B4-BE49-F238E27FC236}">
                <a16:creationId xmlns:a16="http://schemas.microsoft.com/office/drawing/2014/main" id="{9780CD93-461B-4895-AFE1-B11CB717CAC3}"/>
              </a:ext>
            </a:extLst>
          </p:cNvPr>
          <p:cNvSpPr>
            <a:spLocks noGrp="1"/>
          </p:cNvSpPr>
          <p:nvPr>
            <p:ph type="body" sz="quarter" idx="18"/>
          </p:nvPr>
        </p:nvSpPr>
        <p:spPr>
          <a:xfrm>
            <a:off x="4945933"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sp>
        <p:nvSpPr>
          <p:cNvPr id="15" name="Text Placeholder 6">
            <a:extLst>
              <a:ext uri="{FF2B5EF4-FFF2-40B4-BE49-F238E27FC236}">
                <a16:creationId xmlns:a16="http://schemas.microsoft.com/office/drawing/2014/main" id="{7670DE1A-52CE-4331-B7C3-9D35588A2926}"/>
              </a:ext>
            </a:extLst>
          </p:cNvPr>
          <p:cNvSpPr>
            <a:spLocks noGrp="1"/>
          </p:cNvSpPr>
          <p:nvPr>
            <p:ph type="body" sz="quarter" idx="19"/>
          </p:nvPr>
        </p:nvSpPr>
        <p:spPr>
          <a:xfrm>
            <a:off x="4945933"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en-GB"/>
              <a:t>Click to edit Master text styles</a:t>
            </a:r>
          </a:p>
        </p:txBody>
      </p:sp>
      <p:pic>
        <p:nvPicPr>
          <p:cNvPr id="790004350" name="Rectangle 10" descr="{&quot;templafy&quot;:{&quot;id&quot;:&quot;e5c07527-5012-4347-aa42-ad1286b58097&quot;}}"/>
          <p:cNvPicPr>
            <a:picLocks noChangeAspect="1"/>
          </p:cNvPicPr>
          <p:nvPr/>
        </p:nvPicPr>
        <p:blipFill>
          <a:blip r:embed="rId2"/>
          <a:stretch>
            <a:fillRect/>
          </a:stretch>
        </p:blipFill>
        <p:spPr>
          <a:xfrm>
            <a:off x="798816" y="4048055"/>
            <a:ext cx="2221200" cy="792000"/>
          </a:xfrm>
          <a:prstGeom prst="rect">
            <a:avLst/>
          </a:prstGeom>
        </p:spPr>
      </p:pic>
      <p:sp>
        <p:nvSpPr>
          <p:cNvPr id="3" name="Rectangle 2" descr="{&quot;templafy&quot;:{&quot;id&quot;:&quot;5990cd36-f350-48a5-9ae7-be2c0582dbb7&quot;}}">
            <a:extLst>
              <a:ext uri="{FF2B5EF4-FFF2-40B4-BE49-F238E27FC236}">
                <a16:creationId xmlns:a16="http://schemas.microsoft.com/office/drawing/2014/main" id="{36F02173-B0F5-4193-B6FF-8607454762B4}"/>
              </a:ext>
            </a:extLst>
          </p:cNvPr>
          <p:cNvSpPr/>
          <p:nvPr userDrawn="1"/>
        </p:nvSpPr>
        <p:spPr>
          <a:xfrm>
            <a:off x="4945930" y="3515014"/>
            <a:ext cx="2038450" cy="9912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1200"/>
              </a:lnSpc>
            </a:pPr>
            <a:r>
              <a:rPr lang="en-GB" sz="1000">
                <a:solidFill>
                  <a:schemeClr val="tx1"/>
                </a:solidFill>
              </a:rPr>
              <a:t>University of St.Gallen
Institute of Behavioral Science and Technology 
Torstrasse 25 
9000 St.Gallen 
ibt.unisg.ch</a:t>
            </a:r>
          </a:p>
        </p:txBody>
      </p:sp>
      <p:sp>
        <p:nvSpPr>
          <p:cNvPr id="11" name="Freeform: Shape 6">
            <a:extLst>
              <a:ext uri="{FF2B5EF4-FFF2-40B4-BE49-F238E27FC236}">
                <a16:creationId xmlns:a16="http://schemas.microsoft.com/office/drawing/2014/main" id="{B4B6B7E4-EC72-764A-BD51-31F4A9EE5E8D}"/>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6" name="TextBox 15">
            <a:extLst>
              <a:ext uri="{FF2B5EF4-FFF2-40B4-BE49-F238E27FC236}">
                <a16:creationId xmlns:a16="http://schemas.microsoft.com/office/drawing/2014/main" id="{D553AA43-361D-D448-A8C4-C05D17158B81}"/>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295732774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697851C-DA08-442E-B8EB-9BDC6D0F6221}"/>
              </a:ext>
            </a:extLst>
          </p:cNvPr>
          <p:cNvSpPr>
            <a:spLocks noGrp="1"/>
          </p:cNvSpPr>
          <p:nvPr>
            <p:ph type="title"/>
          </p:nvPr>
        </p:nvSpPr>
        <p:spPr/>
        <p:txBody>
          <a:bodyPr/>
          <a:lstStyle>
            <a:lvl1pPr>
              <a:defRPr lang="en-US" sz="2400" kern="1200" dirty="0">
                <a:solidFill>
                  <a:schemeClr val="tx1"/>
                </a:solidFill>
                <a:latin typeface="+mj-lt"/>
                <a:ea typeface="+mj-ea"/>
                <a:cs typeface="+mj-cs"/>
              </a:defRPr>
            </a:lvl1pPr>
          </a:lstStyle>
          <a:p>
            <a:r>
              <a:rPr lang="en-US"/>
              <a:t>Click to edit Master title style</a:t>
            </a:r>
          </a:p>
        </p:txBody>
      </p:sp>
      <p:sp>
        <p:nvSpPr>
          <p:cNvPr id="3" name="Content Placeholder 2">
            <a:extLst>
              <a:ext uri="{FF2B5EF4-FFF2-40B4-BE49-F238E27FC236}">
                <a16:creationId xmlns:a16="http://schemas.microsoft.com/office/drawing/2014/main" id="{2F911576-928C-440D-8A40-06CE709EB9EF}"/>
              </a:ext>
            </a:extLst>
          </p:cNvPr>
          <p:cNvSpPr>
            <a:spLocks noGrp="1"/>
          </p:cNvSpPr>
          <p:nvPr>
            <p:ph sz="half" idx="1"/>
          </p:nvPr>
        </p:nvSpPr>
        <p:spPr>
          <a:xfrm>
            <a:off x="628650" y="1369219"/>
            <a:ext cx="3886200" cy="326350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7F1697A0-8209-4738-9E66-9FC3A54B81DF}"/>
              </a:ext>
            </a:extLst>
          </p:cNvPr>
          <p:cNvSpPr>
            <a:spLocks noGrp="1"/>
          </p:cNvSpPr>
          <p:nvPr>
            <p:ph sz="half" idx="2"/>
          </p:nvPr>
        </p:nvSpPr>
        <p:spPr>
          <a:xfrm>
            <a:off x="4629150" y="1369219"/>
            <a:ext cx="3886200" cy="326350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a:extLst>
              <a:ext uri="{FF2B5EF4-FFF2-40B4-BE49-F238E27FC236}">
                <a16:creationId xmlns:a16="http://schemas.microsoft.com/office/drawing/2014/main" id="{A299193B-E847-4341-B31D-F7E83E413ADD}"/>
              </a:ext>
            </a:extLst>
          </p:cNvPr>
          <p:cNvSpPr>
            <a:spLocks noGrp="1"/>
          </p:cNvSpPr>
          <p:nvPr>
            <p:ph type="ftr" sz="quarter" idx="11"/>
          </p:nvPr>
        </p:nvSpPr>
        <p:spPr/>
        <p:txBody>
          <a:bodyPr/>
          <a:lstStyle/>
          <a:p>
            <a:endParaRPr lang="fr-FR"/>
          </a:p>
        </p:txBody>
      </p:sp>
      <p:sp>
        <p:nvSpPr>
          <p:cNvPr id="8" name="Freeform: Shape 6">
            <a:extLst>
              <a:ext uri="{FF2B5EF4-FFF2-40B4-BE49-F238E27FC236}">
                <a16:creationId xmlns:a16="http://schemas.microsoft.com/office/drawing/2014/main" id="{17DFDFB6-0B72-BE4F-8D7D-89816206A32E}"/>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TextBox 8">
            <a:extLst>
              <a:ext uri="{FF2B5EF4-FFF2-40B4-BE49-F238E27FC236}">
                <a16:creationId xmlns:a16="http://schemas.microsoft.com/office/drawing/2014/main" id="{E8EF53CC-5E55-044D-9040-D87962B16ED1}"/>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58304075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7201CA8-43D0-4503-B35C-8AFF2E15B5C7}"/>
              </a:ext>
            </a:extLst>
          </p:cNvPr>
          <p:cNvSpPr>
            <a:spLocks noGrp="1"/>
          </p:cNvSpPr>
          <p:nvPr>
            <p:ph type="title"/>
          </p:nvPr>
        </p:nvSpPr>
        <p:spPr/>
        <p:txBody>
          <a:bodyPr/>
          <a:lstStyle>
            <a:lvl1pPr>
              <a:defRPr lang="en-US" sz="2400" kern="1200" dirty="0">
                <a:solidFill>
                  <a:schemeClr val="tx1"/>
                </a:solidFill>
                <a:latin typeface="+mj-lt"/>
                <a:ea typeface="+mj-ea"/>
                <a:cs typeface="+mj-cs"/>
              </a:defRPr>
            </a:lvl1pPr>
          </a:lstStyle>
          <a:p>
            <a:r>
              <a:rPr lang="en-US"/>
              <a:t>Click to edit Master title style</a:t>
            </a:r>
          </a:p>
        </p:txBody>
      </p:sp>
      <p:sp>
        <p:nvSpPr>
          <p:cNvPr id="3" name="Content Placeholder 2">
            <a:extLst>
              <a:ext uri="{FF2B5EF4-FFF2-40B4-BE49-F238E27FC236}">
                <a16:creationId xmlns:a16="http://schemas.microsoft.com/office/drawing/2014/main" id="{45EE5118-C995-404E-8D3D-307424E93A25}"/>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89C8F2FC-3271-4F01-8DC6-A49BD5752FE5}"/>
              </a:ext>
            </a:extLst>
          </p:cNvPr>
          <p:cNvSpPr>
            <a:spLocks noGrp="1"/>
          </p:cNvSpPr>
          <p:nvPr>
            <p:ph type="ftr" sz="quarter" idx="11"/>
          </p:nvPr>
        </p:nvSpPr>
        <p:spPr/>
        <p:txBody>
          <a:bodyPr/>
          <a:lstStyle/>
          <a:p>
            <a:endParaRPr lang="fr-FR"/>
          </a:p>
        </p:txBody>
      </p:sp>
      <p:sp>
        <p:nvSpPr>
          <p:cNvPr id="8" name="Freeform: Shape 6">
            <a:extLst>
              <a:ext uri="{FF2B5EF4-FFF2-40B4-BE49-F238E27FC236}">
                <a16:creationId xmlns:a16="http://schemas.microsoft.com/office/drawing/2014/main" id="{4E5EFF6C-EC61-3B49-ADA7-22BD76E1DC05}"/>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TextBox 8">
            <a:extLst>
              <a:ext uri="{FF2B5EF4-FFF2-40B4-BE49-F238E27FC236}">
                <a16:creationId xmlns:a16="http://schemas.microsoft.com/office/drawing/2014/main" id="{03F1CD62-5B94-C645-8EEC-20710C2A79CD}"/>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146440942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type="obj" preserve="1">
  <p:cSld name="1_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2E91655-2B9C-0A42-BF91-5FBAC1BD9193}"/>
              </a:ext>
            </a:extLst>
          </p:cNvPr>
          <p:cNvSpPr>
            <a:spLocks noGrp="1"/>
          </p:cNvSpPr>
          <p:nvPr>
            <p:ph type="title"/>
          </p:nvPr>
        </p:nvSpPr>
        <p:spPr/>
        <p:txBody>
          <a:bodyPr/>
          <a:lstStyle>
            <a:lvl1pPr>
              <a:defRPr lang="en-CH" sz="2400" kern="1200" dirty="0">
                <a:solidFill>
                  <a:schemeClr val="tx1"/>
                </a:solidFill>
                <a:latin typeface="+mj-lt"/>
                <a:ea typeface="+mj-ea"/>
                <a:cs typeface="+mj-cs"/>
              </a:defRPr>
            </a:lvl1pPr>
          </a:lstStyle>
          <a:p>
            <a:r>
              <a:rPr lang="en-GB"/>
              <a:t>Click to edit Master title style</a:t>
            </a:r>
            <a:endParaRPr lang="en-CH"/>
          </a:p>
        </p:txBody>
      </p:sp>
      <p:sp>
        <p:nvSpPr>
          <p:cNvPr id="3" name="Content Placeholder 2">
            <a:extLst>
              <a:ext uri="{FF2B5EF4-FFF2-40B4-BE49-F238E27FC236}">
                <a16:creationId xmlns:a16="http://schemas.microsoft.com/office/drawing/2014/main" id="{5B400DF4-ED18-7C44-8F51-FD39FD145C6E}"/>
              </a:ext>
            </a:extLst>
          </p:cNvPr>
          <p:cNvSpPr>
            <a:spLocks noGrp="1"/>
          </p:cNvSpPr>
          <p:nvPr>
            <p:ph idx="1"/>
          </p:nvPr>
        </p:nvSpPr>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CH"/>
          </a:p>
        </p:txBody>
      </p:sp>
      <p:sp>
        <p:nvSpPr>
          <p:cNvPr id="5" name="Footer Placeholder 4">
            <a:extLst>
              <a:ext uri="{FF2B5EF4-FFF2-40B4-BE49-F238E27FC236}">
                <a16:creationId xmlns:a16="http://schemas.microsoft.com/office/drawing/2014/main" id="{C0044310-A582-6A43-AD24-6F10E54BEDF2}"/>
              </a:ext>
            </a:extLst>
          </p:cNvPr>
          <p:cNvSpPr>
            <a:spLocks noGrp="1"/>
          </p:cNvSpPr>
          <p:nvPr>
            <p:ph type="ftr" sz="quarter" idx="11"/>
          </p:nvPr>
        </p:nvSpPr>
        <p:spPr/>
        <p:txBody>
          <a:bodyPr/>
          <a:lstStyle/>
          <a:p>
            <a:endParaRPr lang="en-CH"/>
          </a:p>
        </p:txBody>
      </p:sp>
      <p:sp>
        <p:nvSpPr>
          <p:cNvPr id="7" name="Freeform: Shape 6">
            <a:extLst>
              <a:ext uri="{FF2B5EF4-FFF2-40B4-BE49-F238E27FC236}">
                <a16:creationId xmlns:a16="http://schemas.microsoft.com/office/drawing/2014/main" id="{20D0B757-4459-2646-B7BA-C58911A5BC2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8" name="TextBox 7">
            <a:extLst>
              <a:ext uri="{FF2B5EF4-FFF2-40B4-BE49-F238E27FC236}">
                <a16:creationId xmlns:a16="http://schemas.microsoft.com/office/drawing/2014/main" id="{E521EA60-97D1-AA45-BF8E-F7AF8C1B95DE}"/>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2735857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mit Bild">
    <p:spTree>
      <p:nvGrpSpPr>
        <p:cNvPr id="1" name=""/>
        <p:cNvGrpSpPr/>
        <p:nvPr/>
      </p:nvGrpSpPr>
      <p:grpSpPr>
        <a:xfrm>
          <a:off x="0" y="0"/>
          <a:ext cx="0" cy="0"/>
          <a:chOff x="0" y="0"/>
          <a:chExt cx="0" cy="0"/>
        </a:xfrm>
      </p:grpSpPr>
      <p:pic>
        <p:nvPicPr>
          <p:cNvPr id="12" name="Picture 11" descr="A picture containing skating, building, ramp, board&#10;&#10;Description automatically generated">
            <a:extLst>
              <a:ext uri="{FF2B5EF4-FFF2-40B4-BE49-F238E27FC236}">
                <a16:creationId xmlns:a16="http://schemas.microsoft.com/office/drawing/2014/main" id="{71655C6F-D683-4181-8A76-C2CF9E2F41C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r="58763"/>
          <a:stretch/>
        </p:blipFill>
        <p:spPr>
          <a:xfrm>
            <a:off x="5963683" y="0"/>
            <a:ext cx="3180318" cy="5143500"/>
          </a:xfrm>
          <a:prstGeom prst="rect">
            <a:avLst/>
          </a:prstGeom>
        </p:spPr>
      </p:pic>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a:xfrm>
            <a:off x="358775" y="376238"/>
            <a:ext cx="5464509" cy="675727"/>
          </a:xfrm>
        </p:spPr>
        <p:txBody>
          <a:bodyPr/>
          <a:lstStyle>
            <a:lvl1pPr>
              <a:lnSpc>
                <a:spcPts val="4400"/>
              </a:lnSpc>
              <a:defRPr sz="2400">
                <a:latin typeface="Gill Sans Nova Light" panose="020B0302020104020203" pitchFamily="34" charset="0"/>
              </a:defRPr>
            </a:lvl1pPr>
          </a:lstStyle>
          <a:p>
            <a:r>
              <a:rPr lang="en-GB"/>
              <a:t>Click to edit Master title style</a:t>
            </a:r>
          </a:p>
        </p:txBody>
      </p:sp>
      <p:sp>
        <p:nvSpPr>
          <p:cNvPr id="5" name="Text Placeholder 4">
            <a:extLst>
              <a:ext uri="{FF2B5EF4-FFF2-40B4-BE49-F238E27FC236}">
                <a16:creationId xmlns:a16="http://schemas.microsoft.com/office/drawing/2014/main" id="{47F3237B-A6D8-401E-A0E8-75ED37DDC0FA}"/>
              </a:ext>
            </a:extLst>
          </p:cNvPr>
          <p:cNvSpPr>
            <a:spLocks noGrp="1"/>
          </p:cNvSpPr>
          <p:nvPr>
            <p:ph type="body" sz="quarter" idx="13"/>
          </p:nvPr>
        </p:nvSpPr>
        <p:spPr>
          <a:xfrm>
            <a:off x="358775" y="1276350"/>
            <a:ext cx="5000404" cy="3203575"/>
          </a:xfrm>
        </p:spPr>
        <p:txBody>
          <a:bodyPr>
            <a:normAutofit/>
          </a:bodyPr>
          <a:lstStyle>
            <a:lvl1pPr marL="396000" indent="-396000">
              <a:spcAft>
                <a:spcPts val="600"/>
              </a:spcAft>
              <a:buFont typeface="+mj-lt"/>
              <a:buAutoNum type="arabicPeriod"/>
              <a:defRPr sz="1600"/>
            </a:lvl1pPr>
            <a:lvl2pPr marL="342900" indent="-342900">
              <a:spcAft>
                <a:spcPts val="600"/>
              </a:spcAft>
              <a:buFont typeface="+mj-lt"/>
              <a:buAutoNum type="arabicPeriod"/>
              <a:defRPr sz="1600"/>
            </a:lvl2pPr>
            <a:lvl3pPr marL="342900" indent="-342900">
              <a:spcAft>
                <a:spcPts val="600"/>
              </a:spcAft>
              <a:buFont typeface="+mj-lt"/>
              <a:buAutoNum type="arabicPeriod"/>
              <a:defRPr sz="1600"/>
            </a:lvl3pPr>
            <a:lvl4pPr marL="342900" indent="-342900">
              <a:spcAft>
                <a:spcPts val="600"/>
              </a:spcAft>
              <a:buFont typeface="+mj-lt"/>
              <a:buAutoNum type="arabicPeriod"/>
              <a:defRPr sz="1600"/>
            </a:lvl4pPr>
            <a:lvl5pPr marL="342900" indent="-342900">
              <a:spcAft>
                <a:spcPts val="600"/>
              </a:spcAft>
              <a:buFont typeface="+mj-lt"/>
              <a:buAutoNum type="arabicPeriod"/>
              <a:defRPr sz="1600"/>
            </a:lvl5pPr>
          </a:lstStyle>
          <a:p>
            <a:pPr lvl="0"/>
            <a:r>
              <a:rPr lang="en-GB"/>
              <a:t>Click to edit Master text styles</a:t>
            </a:r>
          </a:p>
        </p:txBody>
      </p:sp>
      <p:sp>
        <p:nvSpPr>
          <p:cNvPr id="10" name="Rectangle 9" descr="{&quot;templafy&quot;:{&quot;id&quot;:&quot;22a155cf-0107-461a-b6d9-a325ddb1d34f&quot;}}">
            <a:extLst>
              <a:ext uri="{FF2B5EF4-FFF2-40B4-BE49-F238E27FC236}">
                <a16:creationId xmlns:a16="http://schemas.microsoft.com/office/drawing/2014/main" id="{AA1C14F3-85E4-47DF-A8F9-0A6C945C6727}"/>
              </a:ext>
            </a:extLst>
          </p:cNvPr>
          <p:cNvSpPr/>
          <p:nvPr userDrawn="1"/>
        </p:nvSpPr>
        <p:spPr>
          <a:xfrm>
            <a:off x="2516261" y="4767263"/>
            <a:ext cx="3307023"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pic>
        <p:nvPicPr>
          <p:cNvPr id="3429348" name="Rectangle 10" descr="{&quot;templafy&quot;:{&quot;id&quot;:&quot;74602429-32bc-4b8b-8611-28cc7dae0dbc&quot;}}"/>
          <p:cNvPicPr>
            <a:picLocks noChangeAspect="1"/>
          </p:cNvPicPr>
          <p:nvPr/>
        </p:nvPicPr>
        <p:blipFill>
          <a:blip r:embed="rId3"/>
          <a:stretch>
            <a:fillRect/>
          </a:stretch>
        </p:blipFill>
        <p:spPr>
          <a:xfrm>
            <a:off x="358775" y="4668427"/>
            <a:ext cx="1026000" cy="367200"/>
          </a:xfrm>
          <a:prstGeom prst="rect">
            <a:avLst/>
          </a:prstGeom>
        </p:spPr>
      </p:pic>
      <p:sp>
        <p:nvSpPr>
          <p:cNvPr id="13" name="Rectangle 12" descr="{&quot;templafy&quot;:{&quot;id&quot;:&quot;899bdbb5-22e6-4624-acb1-3b73ce0cc67f&quot;}}" hidden="1">
            <a:extLst>
              <a:ext uri="{FF2B5EF4-FFF2-40B4-BE49-F238E27FC236}">
                <a16:creationId xmlns:a16="http://schemas.microsoft.com/office/drawing/2014/main" id="{829DC8B1-9D54-4E8C-B174-7B9355FD57F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
Institute of Behavioral Science and Technology</a:t>
            </a:r>
          </a:p>
        </p:txBody>
      </p:sp>
      <p:sp>
        <p:nvSpPr>
          <p:cNvPr id="11" name="TextBox 10">
            <a:extLst>
              <a:ext uri="{FF2B5EF4-FFF2-40B4-BE49-F238E27FC236}">
                <a16:creationId xmlns:a16="http://schemas.microsoft.com/office/drawing/2014/main" id="{65C82F24-EF8A-6549-BFE5-233EDC78A625}"/>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234139459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type="obj" preserve="1">
  <p:cSld name="2_Title and Content">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08F59ED-DE22-5742-A281-0D71C43E3AA8}"/>
              </a:ext>
            </a:extLst>
          </p:cNvPr>
          <p:cNvSpPr/>
          <p:nvPr userDrawn="1"/>
        </p:nvSpPr>
        <p:spPr>
          <a:xfrm>
            <a:off x="4572000" y="0"/>
            <a:ext cx="4572000" cy="5143500"/>
          </a:xfrm>
          <a:prstGeom prst="rect">
            <a:avLst/>
          </a:prstGeom>
          <a:solidFill>
            <a:schemeClr val="tx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A2E91655-2B9C-0A42-BF91-5FBAC1BD9193}"/>
              </a:ext>
            </a:extLst>
          </p:cNvPr>
          <p:cNvSpPr>
            <a:spLocks noGrp="1"/>
          </p:cNvSpPr>
          <p:nvPr>
            <p:ph type="title"/>
          </p:nvPr>
        </p:nvSpPr>
        <p:spPr/>
        <p:txBody>
          <a:bodyPr/>
          <a:lstStyle>
            <a:lvl1pPr>
              <a:defRPr lang="en-CH" sz="2400" kern="1200" dirty="0">
                <a:solidFill>
                  <a:schemeClr val="tx1"/>
                </a:solidFill>
                <a:latin typeface="+mj-lt"/>
                <a:ea typeface="+mj-ea"/>
                <a:cs typeface="+mj-cs"/>
              </a:defRPr>
            </a:lvl1pPr>
          </a:lstStyle>
          <a:p>
            <a:r>
              <a:rPr lang="en-GB"/>
              <a:t>Click to edit Master title style</a:t>
            </a:r>
            <a:endParaRPr lang="en-CH"/>
          </a:p>
        </p:txBody>
      </p:sp>
      <p:sp>
        <p:nvSpPr>
          <p:cNvPr id="3" name="Content Placeholder 2">
            <a:extLst>
              <a:ext uri="{FF2B5EF4-FFF2-40B4-BE49-F238E27FC236}">
                <a16:creationId xmlns:a16="http://schemas.microsoft.com/office/drawing/2014/main" id="{5B400DF4-ED18-7C44-8F51-FD39FD145C6E}"/>
              </a:ext>
            </a:extLst>
          </p:cNvPr>
          <p:cNvSpPr>
            <a:spLocks noGrp="1"/>
          </p:cNvSpPr>
          <p:nvPr>
            <p:ph idx="1"/>
          </p:nvPr>
        </p:nvSpPr>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CH"/>
          </a:p>
        </p:txBody>
      </p:sp>
      <p:sp>
        <p:nvSpPr>
          <p:cNvPr id="5" name="Footer Placeholder 4">
            <a:extLst>
              <a:ext uri="{FF2B5EF4-FFF2-40B4-BE49-F238E27FC236}">
                <a16:creationId xmlns:a16="http://schemas.microsoft.com/office/drawing/2014/main" id="{C0044310-A582-6A43-AD24-6F10E54BEDF2}"/>
              </a:ext>
            </a:extLst>
          </p:cNvPr>
          <p:cNvSpPr>
            <a:spLocks noGrp="1"/>
          </p:cNvSpPr>
          <p:nvPr>
            <p:ph type="ftr" sz="quarter" idx="11"/>
          </p:nvPr>
        </p:nvSpPr>
        <p:spPr/>
        <p:txBody>
          <a:bodyPr/>
          <a:lstStyle/>
          <a:p>
            <a:endParaRPr lang="en-CH"/>
          </a:p>
        </p:txBody>
      </p:sp>
      <p:sp>
        <p:nvSpPr>
          <p:cNvPr id="8" name="Freeform: Shape 6">
            <a:extLst>
              <a:ext uri="{FF2B5EF4-FFF2-40B4-BE49-F238E27FC236}">
                <a16:creationId xmlns:a16="http://schemas.microsoft.com/office/drawing/2014/main" id="{1D704251-98FA-6949-85A4-B0DF977AF289}"/>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TextBox 8">
            <a:extLst>
              <a:ext uri="{FF2B5EF4-FFF2-40B4-BE49-F238E27FC236}">
                <a16:creationId xmlns:a16="http://schemas.microsoft.com/office/drawing/2014/main" id="{CE6D9436-6A45-AC49-8E21-CB78BC374AC6}"/>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211058669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Kapiteltrenner 2">
    <p:bg>
      <p:bgPr>
        <a:solidFill>
          <a:schemeClr val="bg2"/>
        </a:solidFill>
        <a:effectLst/>
      </p:bgPr>
    </p:bg>
    <p:spTree>
      <p:nvGrpSpPr>
        <p:cNvPr id="1" name=""/>
        <p:cNvGrpSpPr/>
        <p:nvPr/>
      </p:nvGrpSpPr>
      <p:grpSpPr>
        <a:xfrm>
          <a:off x="0" y="0"/>
          <a:ext cx="0" cy="0"/>
          <a:chOff x="0" y="0"/>
          <a:chExt cx="0" cy="0"/>
        </a:xfrm>
      </p:grpSpPr>
      <p:sp>
        <p:nvSpPr>
          <p:cNvPr id="4" name="Picture Placeholder 4">
            <a:extLst>
              <a:ext uri="{FF2B5EF4-FFF2-40B4-BE49-F238E27FC236}">
                <a16:creationId xmlns:a16="http://schemas.microsoft.com/office/drawing/2014/main" id="{DC68F798-C07C-4BF8-8573-0552735B83EA}"/>
              </a:ext>
            </a:extLst>
          </p:cNvPr>
          <p:cNvSpPr>
            <a:spLocks noGrp="1"/>
          </p:cNvSpPr>
          <p:nvPr>
            <p:ph type="pic" sz="quarter" idx="11"/>
          </p:nvPr>
        </p:nvSpPr>
        <p:spPr>
          <a:xfrm>
            <a:off x="0" y="0"/>
            <a:ext cx="9144000" cy="5143500"/>
          </a:xfrm>
        </p:spPr>
        <p:txBody>
          <a:bodyPr/>
          <a:lstStyle/>
          <a:p>
            <a:r>
              <a:rPr lang="en-GB"/>
              <a:t>Click icon to add picture</a:t>
            </a:r>
          </a:p>
        </p:txBody>
      </p:sp>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tx1"/>
                </a:solidFill>
                <a:latin typeface="Gill Sans Nova Light" panose="020B0302020104020203" pitchFamily="34" charset="0"/>
              </a:defRPr>
            </a:lvl1pPr>
          </a:lstStyle>
          <a:p>
            <a:r>
              <a:rPr lang="en-GB"/>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tx1"/>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en-GB"/>
              <a:t>Click to edit Master text styles</a:t>
            </a:r>
          </a:p>
        </p:txBody>
      </p:sp>
      <p:sp>
        <p:nvSpPr>
          <p:cNvPr id="5" name="Freeform: Shape 6">
            <a:extLst>
              <a:ext uri="{FF2B5EF4-FFF2-40B4-BE49-F238E27FC236}">
                <a16:creationId xmlns:a16="http://schemas.microsoft.com/office/drawing/2014/main" id="{28891D8A-324F-9A48-9109-E78C0AF0483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6" name="TextBox 5">
            <a:extLst>
              <a:ext uri="{FF2B5EF4-FFF2-40B4-BE49-F238E27FC236}">
                <a16:creationId xmlns:a16="http://schemas.microsoft.com/office/drawing/2014/main" id="{FEF8CE01-582B-9148-AD9D-8B6A310BB8B4}"/>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225113872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el zwei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en-GB"/>
              <a:t>Click to edit Master title style</a:t>
            </a:r>
          </a:p>
        </p:txBody>
      </p:sp>
      <p:sp>
        <p:nvSpPr>
          <p:cNvPr id="3" name="Content Placeholder 2">
            <a:extLst>
              <a:ext uri="{FF2B5EF4-FFF2-40B4-BE49-F238E27FC236}">
                <a16:creationId xmlns:a16="http://schemas.microsoft.com/office/drawing/2014/main" id="{8CD7A6B4-FE62-49DA-AB92-A00E16DDD412}"/>
              </a:ext>
            </a:extLst>
          </p:cNvPr>
          <p:cNvSpPr>
            <a:spLocks noGrp="1"/>
          </p:cNvSpPr>
          <p:nvPr>
            <p:ph sz="half" idx="1"/>
          </p:nvPr>
        </p:nvSpPr>
        <p:spPr>
          <a:xfrm>
            <a:off x="358776" y="1276349"/>
            <a:ext cx="4122738" cy="3203576"/>
          </a:xfrm>
        </p:spPr>
        <p:txBody>
          <a:bodyPr>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Content Placeholder 3">
            <a:extLst>
              <a:ext uri="{FF2B5EF4-FFF2-40B4-BE49-F238E27FC236}">
                <a16:creationId xmlns:a16="http://schemas.microsoft.com/office/drawing/2014/main" id="{E44DB25E-F340-4288-90DE-3831A8F49925}"/>
              </a:ext>
            </a:extLst>
          </p:cNvPr>
          <p:cNvSpPr>
            <a:spLocks noGrp="1"/>
          </p:cNvSpPr>
          <p:nvPr>
            <p:ph sz="half" idx="2"/>
          </p:nvPr>
        </p:nvSpPr>
        <p:spPr>
          <a:xfrm>
            <a:off x="4662487" y="1276350"/>
            <a:ext cx="4122737" cy="3203575"/>
          </a:xfrm>
        </p:spPr>
        <p:txBody>
          <a:bodyPr>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pic>
        <p:nvPicPr>
          <p:cNvPr id="402068276" name="Rectangle 4" descr="{&quot;templafy&quot;:{&quot;id&quot;:&quot;dc5e61e4-75b8-450f-99af-bcf109e96cb4&quot;}}"/>
          <p:cNvPicPr>
            <a:picLocks noChangeAspect="1"/>
          </p:cNvPicPr>
          <p:nvPr/>
        </p:nvPicPr>
        <p:blipFill>
          <a:blip r:embed="rId2"/>
          <a:stretch>
            <a:fillRect/>
          </a:stretch>
        </p:blipFill>
        <p:spPr>
          <a:xfrm>
            <a:off x="358775" y="4668427"/>
            <a:ext cx="1026000" cy="367200"/>
          </a:xfrm>
          <a:prstGeom prst="rect">
            <a:avLst/>
          </a:prstGeom>
        </p:spPr>
      </p:pic>
      <p:sp>
        <p:nvSpPr>
          <p:cNvPr id="6" name="Rectangle 5" descr="{&quot;templafy&quot;:{&quot;id&quot;:&quot;35f76817-686e-422f-8660-b24fe2ad9a8a&quot;}}">
            <a:extLst>
              <a:ext uri="{FF2B5EF4-FFF2-40B4-BE49-F238E27FC236}">
                <a16:creationId xmlns:a16="http://schemas.microsoft.com/office/drawing/2014/main" id="{4E03CCCD-CB66-429F-BC77-64B5370808F2}"/>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7" name="Rectangle 6" descr="{&quot;templafy&quot;:{&quot;id&quot;:&quot;de04ac77-98be-4442-8c49-daf9b0183699&quot;}}" hidden="1">
            <a:extLst>
              <a:ext uri="{FF2B5EF4-FFF2-40B4-BE49-F238E27FC236}">
                <a16:creationId xmlns:a16="http://schemas.microsoft.com/office/drawing/2014/main" id="{B915E154-BDC4-452C-BDE7-882BE349B50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
Institute of Behavioral Science and Technology</a:t>
            </a:r>
          </a:p>
        </p:txBody>
      </p:sp>
      <p:sp>
        <p:nvSpPr>
          <p:cNvPr id="14" name="Freeform: Shape 6">
            <a:extLst>
              <a:ext uri="{FF2B5EF4-FFF2-40B4-BE49-F238E27FC236}">
                <a16:creationId xmlns:a16="http://schemas.microsoft.com/office/drawing/2014/main" id="{DB15F536-DD60-2548-B19E-02501D8EF8D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6" name="TextBox 15">
            <a:extLst>
              <a:ext uri="{FF2B5EF4-FFF2-40B4-BE49-F238E27FC236}">
                <a16:creationId xmlns:a16="http://schemas.microsoft.com/office/drawing/2014/main" id="{4824EA5E-71CB-574A-B39C-0273F719D6F7}"/>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85054255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 u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p:txBody>
          <a:bodyPr/>
          <a:lstStyle/>
          <a:p>
            <a:r>
              <a:rPr lang="en-GB"/>
              <a:t>Click to edit Master title style</a:t>
            </a:r>
          </a:p>
        </p:txBody>
      </p:sp>
      <p:sp>
        <p:nvSpPr>
          <p:cNvPr id="3" name="Content Placeholder 2">
            <a:extLst>
              <a:ext uri="{FF2B5EF4-FFF2-40B4-BE49-F238E27FC236}">
                <a16:creationId xmlns:a16="http://schemas.microsoft.com/office/drawing/2014/main" id="{1B1DFF60-9E69-4915-A0DD-67FF253288CC}"/>
              </a:ext>
            </a:extLst>
          </p:cNvPr>
          <p:cNvSpPr>
            <a:spLocks noGrp="1"/>
          </p:cNvSpPr>
          <p:nvPr>
            <p:ph idx="1"/>
          </p:nvPr>
        </p:nvSpPr>
        <p:spPr/>
        <p:txBody>
          <a:bodyPr>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pic>
        <p:nvPicPr>
          <p:cNvPr id="2117371023" name="Rectangle 11" descr="{&quot;templafy&quot;:{&quot;id&quot;:&quot;1810d80c-a5f9-4e21-bdba-7d32a3ac01dc&quot;}}"/>
          <p:cNvPicPr>
            <a:picLocks noChangeAspect="1"/>
          </p:cNvPicPr>
          <p:nvPr/>
        </p:nvPicPr>
        <p:blipFill>
          <a:blip r:embed="rId2"/>
          <a:stretch>
            <a:fillRect/>
          </a:stretch>
        </p:blipFill>
        <p:spPr>
          <a:xfrm>
            <a:off x="358775" y="4668427"/>
            <a:ext cx="1026000" cy="367200"/>
          </a:xfrm>
          <a:prstGeom prst="rect">
            <a:avLst/>
          </a:prstGeom>
        </p:spPr>
      </p:pic>
      <p:sp>
        <p:nvSpPr>
          <p:cNvPr id="13" name="Rectangle 12" descr="{&quot;templafy&quot;:{&quot;id&quot;:&quot;f1635ba6-4b29-4446-b684-6eeb5ccdbe68&quot;}}">
            <a:extLst>
              <a:ext uri="{FF2B5EF4-FFF2-40B4-BE49-F238E27FC236}">
                <a16:creationId xmlns:a16="http://schemas.microsoft.com/office/drawing/2014/main" id="{B5B29C83-7B2A-4E20-895A-585B8348684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9" name="Rectangle 8" descr="{&quot;templafy&quot;:{&quot;id&quot;:&quot;e4cdab3d-3ac4-4a9d-8c67-2efe64bd84cf&quot;}}" hidden="1">
            <a:extLst>
              <a:ext uri="{FF2B5EF4-FFF2-40B4-BE49-F238E27FC236}">
                <a16:creationId xmlns:a16="http://schemas.microsoft.com/office/drawing/2014/main" id="{2B2F7145-7DCA-4B3F-A8AE-07622CB5DF8E}"/>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
Institute of Behavioral Science and Technology</a:t>
            </a:r>
          </a:p>
        </p:txBody>
      </p:sp>
      <p:sp>
        <p:nvSpPr>
          <p:cNvPr id="11" name="Freeform: Shape 6">
            <a:extLst>
              <a:ext uri="{FF2B5EF4-FFF2-40B4-BE49-F238E27FC236}">
                <a16:creationId xmlns:a16="http://schemas.microsoft.com/office/drawing/2014/main" id="{5370B908-E555-394F-87EC-7B71C3D9AD1B}"/>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TextBox 11">
            <a:extLst>
              <a:ext uri="{FF2B5EF4-FFF2-40B4-BE49-F238E27FC236}">
                <a16:creationId xmlns:a16="http://schemas.microsoft.com/office/drawing/2014/main" id="{3C0FAE03-DE1D-DF48-9D41-DDD43DE7668E}"/>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4154111332"/>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Zwei Bilder mit Legende">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0" y="0"/>
            <a:ext cx="4571999" cy="3887599"/>
          </a:xfrm>
        </p:spPr>
        <p:txBody>
          <a:bodyPr/>
          <a:lstStyle/>
          <a:p>
            <a:r>
              <a:rPr lang="en-GB"/>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0"/>
            <a:ext cx="4572000" cy="3887599"/>
          </a:xfrm>
        </p:spPr>
        <p:txBody>
          <a:bodyPr/>
          <a:lstStyle/>
          <a:p>
            <a:r>
              <a:rPr lang="en-GB"/>
              <a:t>Click icon to add picture</a:t>
            </a:r>
          </a:p>
        </p:txBody>
      </p:sp>
      <p:sp>
        <p:nvSpPr>
          <p:cNvPr id="4" name="Text Placeholder 3">
            <a:extLst>
              <a:ext uri="{FF2B5EF4-FFF2-40B4-BE49-F238E27FC236}">
                <a16:creationId xmlns:a16="http://schemas.microsoft.com/office/drawing/2014/main" id="{C19FAD45-6EEE-4522-8CA6-5189DCDD487C}"/>
              </a:ext>
            </a:extLst>
          </p:cNvPr>
          <p:cNvSpPr>
            <a:spLocks noGrp="1"/>
          </p:cNvSpPr>
          <p:nvPr>
            <p:ph type="body" sz="quarter" idx="16"/>
          </p:nvPr>
        </p:nvSpPr>
        <p:spPr>
          <a:xfrm>
            <a:off x="358775" y="3989388"/>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en-GB"/>
              <a:t>Click to edit Master text styles</a:t>
            </a:r>
          </a:p>
        </p:txBody>
      </p:sp>
      <p:sp>
        <p:nvSpPr>
          <p:cNvPr id="12" name="Text Placeholder 3">
            <a:extLst>
              <a:ext uri="{FF2B5EF4-FFF2-40B4-BE49-F238E27FC236}">
                <a16:creationId xmlns:a16="http://schemas.microsoft.com/office/drawing/2014/main" id="{447F9A9E-BA08-4C8F-96E1-0E7C7D71B398}"/>
              </a:ext>
            </a:extLst>
          </p:cNvPr>
          <p:cNvSpPr>
            <a:spLocks noGrp="1"/>
          </p:cNvSpPr>
          <p:nvPr>
            <p:ph type="body" sz="quarter" idx="17"/>
          </p:nvPr>
        </p:nvSpPr>
        <p:spPr>
          <a:xfrm>
            <a:off x="4662487" y="3989387"/>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en-GB"/>
              <a:t>Click to edit Master text styles</a:t>
            </a:r>
          </a:p>
        </p:txBody>
      </p:sp>
      <p:pic>
        <p:nvPicPr>
          <p:cNvPr id="1623706123" name="Rectangle 14" descr="{&quot;templafy&quot;:{&quot;id&quot;:&quot;c4453a4c-9c9d-4490-9979-e9eec637c4f0&quot;}}"/>
          <p:cNvPicPr>
            <a:picLocks noChangeAspect="1"/>
          </p:cNvPicPr>
          <p:nvPr/>
        </p:nvPicPr>
        <p:blipFill>
          <a:blip r:embed="rId2"/>
          <a:stretch>
            <a:fillRect/>
          </a:stretch>
        </p:blipFill>
        <p:spPr>
          <a:xfrm>
            <a:off x="358775" y="4668427"/>
            <a:ext cx="1026000" cy="367200"/>
          </a:xfrm>
          <a:prstGeom prst="rect">
            <a:avLst/>
          </a:prstGeom>
        </p:spPr>
      </p:pic>
      <p:sp>
        <p:nvSpPr>
          <p:cNvPr id="14" name="Rectangle 13" descr="{&quot;templafy&quot;:{&quot;id&quot;:&quot;b7f9c443-baa2-4b47-897c-aa16e9b9bdc4&quot;}}">
            <a:extLst>
              <a:ext uri="{FF2B5EF4-FFF2-40B4-BE49-F238E27FC236}">
                <a16:creationId xmlns:a16="http://schemas.microsoft.com/office/drawing/2014/main" id="{EF755AF0-F63E-4747-9211-327C44DA029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16" name="Rectangle 15" descr="{&quot;templafy&quot;:{&quot;id&quot;:&quot;0dacea46-d5e2-49ba-9a08-e10a7bb2ac19&quot;}}" hidden="1">
            <a:extLst>
              <a:ext uri="{FF2B5EF4-FFF2-40B4-BE49-F238E27FC236}">
                <a16:creationId xmlns:a16="http://schemas.microsoft.com/office/drawing/2014/main" id="{97ACC166-7757-4B59-A180-1D797D03E7B1}"/>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
Institute of Behavioral Science and Technology</a:t>
            </a:r>
          </a:p>
        </p:txBody>
      </p:sp>
      <p:sp>
        <p:nvSpPr>
          <p:cNvPr id="15" name="Freeform: Shape 6">
            <a:extLst>
              <a:ext uri="{FF2B5EF4-FFF2-40B4-BE49-F238E27FC236}">
                <a16:creationId xmlns:a16="http://schemas.microsoft.com/office/drawing/2014/main" id="{2D145005-8CEC-8F41-B524-83156FB1D9CA}"/>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7" name="TextBox 16">
            <a:extLst>
              <a:ext uri="{FF2B5EF4-FFF2-40B4-BE49-F238E27FC236}">
                <a16:creationId xmlns:a16="http://schemas.microsoft.com/office/drawing/2014/main" id="{38537341-0811-A444-BE14-A62258D2C514}"/>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208120137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titleOnly" preserve="1">
  <p:cSld name="Nur Tite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AFF4CC-30A2-4B7B-BA9D-1A66D47649F5}"/>
              </a:ext>
            </a:extLst>
          </p:cNvPr>
          <p:cNvSpPr>
            <a:spLocks noGrp="1"/>
          </p:cNvSpPr>
          <p:nvPr>
            <p:ph type="title"/>
          </p:nvPr>
        </p:nvSpPr>
        <p:spPr/>
        <p:txBody>
          <a:bodyPr/>
          <a:lstStyle/>
          <a:p>
            <a:r>
              <a:rPr lang="en-GB"/>
              <a:t>Click to edit Master title style</a:t>
            </a:r>
          </a:p>
        </p:txBody>
      </p:sp>
      <p:pic>
        <p:nvPicPr>
          <p:cNvPr id="911220110" name="Rectangle 9" descr="{&quot;templafy&quot;:{&quot;id&quot;:&quot;eb10fd8d-1b37-464d-a850-a9ef918065b8&quot;}}"/>
          <p:cNvPicPr>
            <a:picLocks noChangeAspect="1"/>
          </p:cNvPicPr>
          <p:nvPr/>
        </p:nvPicPr>
        <p:blipFill>
          <a:blip r:embed="rId2"/>
          <a:stretch>
            <a:fillRect/>
          </a:stretch>
        </p:blipFill>
        <p:spPr>
          <a:xfrm>
            <a:off x="358775" y="4668427"/>
            <a:ext cx="1026000" cy="367200"/>
          </a:xfrm>
          <a:prstGeom prst="rect">
            <a:avLst/>
          </a:prstGeom>
        </p:spPr>
      </p:pic>
      <p:sp>
        <p:nvSpPr>
          <p:cNvPr id="11" name="Rectangle 10" descr="{&quot;templafy&quot;:{&quot;id&quot;:&quot;fbefdf9e-6dfa-4646-91e4-2485afa402b5&quot;}}">
            <a:extLst>
              <a:ext uri="{FF2B5EF4-FFF2-40B4-BE49-F238E27FC236}">
                <a16:creationId xmlns:a16="http://schemas.microsoft.com/office/drawing/2014/main" id="{3ED3541B-0C4B-4AD3-A0FB-BB276047ADCE}"/>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GB" sz="800">
              <a:solidFill>
                <a:schemeClr val="tx1"/>
              </a:solidFill>
            </a:endParaRPr>
          </a:p>
        </p:txBody>
      </p:sp>
      <p:sp>
        <p:nvSpPr>
          <p:cNvPr id="12" name="Rectangle 11" descr="{&quot;templafy&quot;:{&quot;id&quot;:&quot;9fd1cf17-ad44-4fd9-9b9a-ffb5d7f0292d&quot;}}" hidden="1">
            <a:extLst>
              <a:ext uri="{FF2B5EF4-FFF2-40B4-BE49-F238E27FC236}">
                <a16:creationId xmlns:a16="http://schemas.microsoft.com/office/drawing/2014/main" id="{87F7EA06-4518-4086-9E1C-ACD1F4782ADD}"/>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en-GB" sz="800" u="none">
                <a:solidFill>
                  <a:schemeClr val="tx1"/>
                </a:solidFill>
              </a:rPr>
              <a:t>University of St.Gallen
Institute of Behavioral Science and Technology</a:t>
            </a:r>
          </a:p>
        </p:txBody>
      </p:sp>
      <p:sp>
        <p:nvSpPr>
          <p:cNvPr id="10" name="Freeform: Shape 6">
            <a:extLst>
              <a:ext uri="{FF2B5EF4-FFF2-40B4-BE49-F238E27FC236}">
                <a16:creationId xmlns:a16="http://schemas.microsoft.com/office/drawing/2014/main" id="{C1C6A374-4500-FB43-BEA8-02AB3032EB24}"/>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TextBox 12">
            <a:extLst>
              <a:ext uri="{FF2B5EF4-FFF2-40B4-BE49-F238E27FC236}">
                <a16:creationId xmlns:a16="http://schemas.microsoft.com/office/drawing/2014/main" id="{1DC9F3AD-BA15-9549-A683-1A8BF2F44EC7}"/>
              </a:ext>
            </a:extLst>
          </p:cNvPr>
          <p:cNvSpPr txBox="1"/>
          <p:nvPr userDrawn="1"/>
        </p:nvSpPr>
        <p:spPr>
          <a:xfrm>
            <a:off x="8531974" y="4718053"/>
            <a:ext cx="339481" cy="215444"/>
          </a:xfrm>
          <a:prstGeom prst="rect">
            <a:avLst/>
          </a:prstGeom>
          <a:noFill/>
        </p:spPr>
        <p:txBody>
          <a:bodyPr wrap="square">
            <a:spAutoFit/>
          </a:bodyPr>
          <a:lstStyle/>
          <a:p>
            <a:fld id="{7559FC98-AF75-4A00-A03C-DF9FEBF6BCB9}" type="slidenum">
              <a:rPr lang="en-GB" sz="800" smtClean="0">
                <a:solidFill>
                  <a:schemeClr val="bg1"/>
                </a:solidFill>
              </a:rPr>
              <a:pPr/>
              <a:t>‹#›</a:t>
            </a:fld>
            <a:endParaRPr lang="en-US" sz="800">
              <a:solidFill>
                <a:schemeClr val="bg1"/>
              </a:solidFill>
            </a:endParaRPr>
          </a:p>
        </p:txBody>
      </p:sp>
    </p:spTree>
    <p:extLst>
      <p:ext uri="{BB962C8B-B14F-4D97-AF65-F5344CB8AC3E}">
        <p14:creationId xmlns:p14="http://schemas.microsoft.com/office/powerpoint/2010/main" val="385140316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Zitat weisse Schrift">
    <p:bg>
      <p:bgPr>
        <a:solidFill>
          <a:schemeClr val="accent3"/>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en-GB"/>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solidFill>
                  <a:schemeClr val="tx1"/>
                </a:solidFill>
              </a:defRPr>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en-GB"/>
              <a:t>Click to edit Master text styles</a:t>
            </a:r>
          </a:p>
        </p:txBody>
      </p:sp>
    </p:spTree>
    <p:extLst>
      <p:ext uri="{BB962C8B-B14F-4D97-AF65-F5344CB8AC3E}">
        <p14:creationId xmlns:p14="http://schemas.microsoft.com/office/powerpoint/2010/main" val="381885183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2.xml"/><Relationship Id="rId13" Type="http://schemas.openxmlformats.org/officeDocument/2006/relationships/slideLayout" Target="../slideLayouts/slideLayout27.xml"/><Relationship Id="rId3" Type="http://schemas.openxmlformats.org/officeDocument/2006/relationships/slideLayout" Target="../slideLayouts/slideLayout17.xml"/><Relationship Id="rId7" Type="http://schemas.openxmlformats.org/officeDocument/2006/relationships/slideLayout" Target="../slideLayouts/slideLayout21.xml"/><Relationship Id="rId12" Type="http://schemas.openxmlformats.org/officeDocument/2006/relationships/slideLayout" Target="../slideLayouts/slideLayout26.xml"/><Relationship Id="rId17" Type="http://schemas.openxmlformats.org/officeDocument/2006/relationships/theme" Target="../theme/theme2.xml"/><Relationship Id="rId2" Type="http://schemas.openxmlformats.org/officeDocument/2006/relationships/slideLayout" Target="../slideLayouts/slideLayout16.xml"/><Relationship Id="rId16" Type="http://schemas.openxmlformats.org/officeDocument/2006/relationships/slideLayout" Target="../slideLayouts/slideLayout30.xml"/><Relationship Id="rId1" Type="http://schemas.openxmlformats.org/officeDocument/2006/relationships/slideLayout" Target="../slideLayouts/slideLayout15.xml"/><Relationship Id="rId6" Type="http://schemas.openxmlformats.org/officeDocument/2006/relationships/slideLayout" Target="../slideLayouts/slideLayout20.xml"/><Relationship Id="rId11" Type="http://schemas.openxmlformats.org/officeDocument/2006/relationships/slideLayout" Target="../slideLayouts/slideLayout25.xml"/><Relationship Id="rId5" Type="http://schemas.openxmlformats.org/officeDocument/2006/relationships/slideLayout" Target="../slideLayouts/slideLayout19.xml"/><Relationship Id="rId15" Type="http://schemas.openxmlformats.org/officeDocument/2006/relationships/slideLayout" Target="../slideLayouts/slideLayout29.xml"/><Relationship Id="rId10" Type="http://schemas.openxmlformats.org/officeDocument/2006/relationships/slideLayout" Target="../slideLayouts/slideLayout24.xml"/><Relationship Id="rId4" Type="http://schemas.openxmlformats.org/officeDocument/2006/relationships/slideLayout" Target="../slideLayouts/slideLayout18.xml"/><Relationship Id="rId9" Type="http://schemas.openxmlformats.org/officeDocument/2006/relationships/slideLayout" Target="../slideLayouts/slideLayout23.xml"/><Relationship Id="rId14" Type="http://schemas.openxmlformats.org/officeDocument/2006/relationships/slideLayout" Target="../slideLayouts/slideLayout2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2501321-794C-47B8-ABDC-7DAF88C9DC68}"/>
              </a:ext>
            </a:extLst>
          </p:cNvPr>
          <p:cNvSpPr>
            <a:spLocks noGrp="1"/>
          </p:cNvSpPr>
          <p:nvPr>
            <p:ph type="title"/>
          </p:nvPr>
        </p:nvSpPr>
        <p:spPr>
          <a:xfrm>
            <a:off x="358775" y="376238"/>
            <a:ext cx="8426450" cy="609662"/>
          </a:xfrm>
          <a:prstGeom prst="rect">
            <a:avLst/>
          </a:prstGeom>
        </p:spPr>
        <p:txBody>
          <a:bodyPr vert="horz" lIns="0" tIns="0" rIns="0" bIns="0" rtlCol="0" anchor="t">
            <a:noAutofit/>
          </a:bodyPr>
          <a:lstStyle/>
          <a:p>
            <a:r>
              <a:rPr lang="en-GB"/>
              <a:t>Click to edit Master title style</a:t>
            </a:r>
          </a:p>
        </p:txBody>
      </p:sp>
      <p:sp>
        <p:nvSpPr>
          <p:cNvPr id="3" name="Text Placeholder 2">
            <a:extLst>
              <a:ext uri="{FF2B5EF4-FFF2-40B4-BE49-F238E27FC236}">
                <a16:creationId xmlns:a16="http://schemas.microsoft.com/office/drawing/2014/main" id="{076F94A2-50F8-430F-B46C-2D50472D7A69}"/>
              </a:ext>
            </a:extLst>
          </p:cNvPr>
          <p:cNvSpPr>
            <a:spLocks noGrp="1"/>
          </p:cNvSpPr>
          <p:nvPr>
            <p:ph type="body" idx="1"/>
          </p:nvPr>
        </p:nvSpPr>
        <p:spPr>
          <a:xfrm>
            <a:off x="358775" y="1276350"/>
            <a:ext cx="8426450" cy="3203575"/>
          </a:xfrm>
          <a:prstGeom prst="rect">
            <a:avLst/>
          </a:prstGeom>
        </p:spPr>
        <p:txBody>
          <a:bodyPr vert="horz" lIns="0" tIns="0" rIns="0" bIns="0" rtlCol="0">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Date Placeholder 3">
            <a:extLst>
              <a:ext uri="{FF2B5EF4-FFF2-40B4-BE49-F238E27FC236}">
                <a16:creationId xmlns:a16="http://schemas.microsoft.com/office/drawing/2014/main" id="{A01CEDF7-309C-40F3-8700-9F4DBE766E2C}"/>
              </a:ext>
            </a:extLst>
          </p:cNvPr>
          <p:cNvSpPr>
            <a:spLocks noGrp="1"/>
          </p:cNvSpPr>
          <p:nvPr>
            <p:ph type="dt" sz="half" idx="2"/>
          </p:nvPr>
        </p:nvSpPr>
        <p:spPr>
          <a:xfrm>
            <a:off x="6804000" y="4770375"/>
            <a:ext cx="1177196" cy="184336"/>
          </a:xfrm>
          <a:prstGeom prst="rect">
            <a:avLst/>
          </a:prstGeom>
        </p:spPr>
        <p:txBody>
          <a:bodyPr vert="horz" lIns="0" tIns="0" rIns="0" bIns="0" rtlCol="0" anchor="t"/>
          <a:lstStyle>
            <a:lvl1pPr algn="l">
              <a:defRPr sz="800">
                <a:solidFill>
                  <a:schemeClr val="tx1"/>
                </a:solidFill>
              </a:defRPr>
            </a:lvl1pPr>
          </a:lstStyle>
          <a:p>
            <a:fld id="{ED8FFC02-F414-406A-9AF9-AE6E7846E736}" type="datetime4">
              <a:rPr lang="en-GB" smtClean="0"/>
              <a:t>5 May 2023</a:t>
            </a:fld>
            <a:endParaRPr lang="en-GB"/>
          </a:p>
        </p:txBody>
      </p:sp>
      <p:sp>
        <p:nvSpPr>
          <p:cNvPr id="5" name="Footer Placeholder 4">
            <a:extLst>
              <a:ext uri="{FF2B5EF4-FFF2-40B4-BE49-F238E27FC236}">
                <a16:creationId xmlns:a16="http://schemas.microsoft.com/office/drawing/2014/main" id="{867B08D8-7EDB-4388-A7EE-8AB294EA7887}"/>
              </a:ext>
            </a:extLst>
          </p:cNvPr>
          <p:cNvSpPr>
            <a:spLocks noGrp="1"/>
          </p:cNvSpPr>
          <p:nvPr>
            <p:ph type="ftr" sz="quarter" idx="3"/>
          </p:nvPr>
        </p:nvSpPr>
        <p:spPr>
          <a:xfrm>
            <a:off x="2519999" y="4770374"/>
            <a:ext cx="3086100" cy="184335"/>
          </a:xfrm>
          <a:prstGeom prst="rect">
            <a:avLst/>
          </a:prstGeom>
        </p:spPr>
        <p:txBody>
          <a:bodyPr vert="horz" lIns="0" tIns="0" rIns="0" bIns="0" rtlCol="0" anchor="t"/>
          <a:lstStyle>
            <a:lvl1pPr algn="l">
              <a:defRPr sz="800">
                <a:solidFill>
                  <a:schemeClr val="tx1"/>
                </a:solidFill>
              </a:defRPr>
            </a:lvl1pPr>
          </a:lstStyle>
          <a:p>
            <a:r>
              <a:rPr lang="en-GB"/>
              <a:t>Corporate Design - Power Point Master</a:t>
            </a:r>
          </a:p>
        </p:txBody>
      </p:sp>
      <p:sp>
        <p:nvSpPr>
          <p:cNvPr id="6" name="Slide Number Placeholder 5">
            <a:extLst>
              <a:ext uri="{FF2B5EF4-FFF2-40B4-BE49-F238E27FC236}">
                <a16:creationId xmlns:a16="http://schemas.microsoft.com/office/drawing/2014/main" id="{7A26C2A0-BCAA-4FD2-BD67-F5225215B65D}"/>
              </a:ext>
            </a:extLst>
          </p:cNvPr>
          <p:cNvSpPr>
            <a:spLocks noGrp="1"/>
          </p:cNvSpPr>
          <p:nvPr>
            <p:ph type="sldNum" sz="quarter" idx="4"/>
          </p:nvPr>
        </p:nvSpPr>
        <p:spPr>
          <a:xfrm>
            <a:off x="8571600" y="4767263"/>
            <a:ext cx="216000" cy="273844"/>
          </a:xfrm>
          <a:prstGeom prst="rect">
            <a:avLst/>
          </a:prstGeom>
        </p:spPr>
        <p:txBody>
          <a:bodyPr vert="horz" lIns="0" tIns="0" rIns="0" bIns="0" rtlCol="0" anchor="t"/>
          <a:lstStyle>
            <a:lvl1pPr algn="ctr">
              <a:defRPr sz="800" spc="-30" baseline="0">
                <a:solidFill>
                  <a:schemeClr val="bg2"/>
                </a:solidFill>
              </a:defRPr>
            </a:lvl1pPr>
          </a:lstStyle>
          <a:p>
            <a:fld id="{7559FC98-AF75-4A00-A03C-DF9FEBF6BCB9}" type="slidenum">
              <a:rPr lang="en-GB" smtClean="0"/>
              <a:pPr/>
              <a:t>‹#›</a:t>
            </a:fld>
            <a:endParaRPr lang="en-GB"/>
          </a:p>
        </p:txBody>
      </p:sp>
    </p:spTree>
    <p:extLst>
      <p:ext uri="{BB962C8B-B14F-4D97-AF65-F5344CB8AC3E}">
        <p14:creationId xmlns:p14="http://schemas.microsoft.com/office/powerpoint/2010/main" val="4246037650"/>
      </p:ext>
    </p:extLst>
  </p:cSld>
  <p:clrMap bg1="lt1" tx1="dk1" bg2="lt2" tx2="dk2" accent1="accent1" accent2="accent2" accent3="accent3" accent4="accent4" accent5="accent5" accent6="accent6" hlink="hlink" folHlink="folHlink"/>
  <p:sldLayoutIdLst>
    <p:sldLayoutId id="2147483661" r:id="rId1"/>
    <p:sldLayoutId id="2147483689" r:id="rId2"/>
    <p:sldLayoutId id="2147483677" r:id="rId3"/>
    <p:sldLayoutId id="2147483686" r:id="rId4"/>
    <p:sldLayoutId id="2147483664" r:id="rId5"/>
    <p:sldLayoutId id="2147483662" r:id="rId6"/>
    <p:sldLayoutId id="2147483673" r:id="rId7"/>
    <p:sldLayoutId id="2147483666" r:id="rId8"/>
    <p:sldLayoutId id="2147483679" r:id="rId9"/>
    <p:sldLayoutId id="2147483675" r:id="rId10"/>
    <p:sldLayoutId id="2147483667" r:id="rId11"/>
    <p:sldLayoutId id="2147483681" r:id="rId12"/>
    <p:sldLayoutId id="2147483690" r:id="rId13"/>
    <p:sldLayoutId id="2147483694" r:id="rId14"/>
  </p:sldLayoutIdLst>
  <p:hf hdr="0"/>
  <p:txStyles>
    <p:titleStyle>
      <a:lvl1pPr algn="l" defTabSz="685800" rtl="0" eaLnBrk="1" latinLnBrk="0" hangingPunct="1">
        <a:lnSpc>
          <a:spcPct val="90000"/>
        </a:lnSpc>
        <a:spcBef>
          <a:spcPct val="0"/>
        </a:spcBef>
        <a:buNone/>
        <a:defRPr sz="2400" kern="1200">
          <a:solidFill>
            <a:schemeClr val="tx1"/>
          </a:solidFill>
          <a:latin typeface="+mj-lt"/>
          <a:ea typeface="+mj-ea"/>
          <a:cs typeface="+mj-cs"/>
        </a:defRPr>
      </a:lvl1pPr>
    </p:titleStyle>
    <p:body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p:bodyStyle>
    <p:other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3">
          <p15:clr>
            <a:srgbClr val="F26B43"/>
          </p15:clr>
        </p15:guide>
        <p15:guide id="3" pos="226">
          <p15:clr>
            <a:srgbClr val="F26B43"/>
          </p15:clr>
        </p15:guide>
        <p15:guide id="4" pos="5534">
          <p15:clr>
            <a:srgbClr val="F26B43"/>
          </p15:clr>
        </p15:guide>
        <p15:guide id="5" orient="horz" pos="237">
          <p15:clr>
            <a:srgbClr val="F26B43"/>
          </p15:clr>
        </p15:guide>
        <p15:guide id="6" orient="horz" pos="804" userDrawn="1">
          <p15:clr>
            <a:srgbClr val="F26B43"/>
          </p15:clr>
        </p15:guide>
        <p15:guide id="7" orient="horz" pos="2822">
          <p15:clr>
            <a:srgbClr val="F26B43"/>
          </p15:clr>
        </p15:guide>
        <p15:guide id="8" pos="2823">
          <p15:clr>
            <a:srgbClr val="F26B43"/>
          </p15:clr>
        </p15:guide>
        <p15:guide id="9" pos="2937">
          <p15:clr>
            <a:srgbClr val="F26B43"/>
          </p15:clr>
        </p15:guide>
        <p15:guide id="10" orient="horz" pos="463">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2501321-794C-47B8-ABDC-7DAF88C9DC68}"/>
              </a:ext>
            </a:extLst>
          </p:cNvPr>
          <p:cNvSpPr>
            <a:spLocks noGrp="1"/>
          </p:cNvSpPr>
          <p:nvPr>
            <p:ph type="title"/>
          </p:nvPr>
        </p:nvSpPr>
        <p:spPr>
          <a:xfrm>
            <a:off x="358775" y="376238"/>
            <a:ext cx="8426450" cy="609662"/>
          </a:xfrm>
          <a:prstGeom prst="rect">
            <a:avLst/>
          </a:prstGeom>
        </p:spPr>
        <p:txBody>
          <a:bodyPr vert="horz" lIns="0" tIns="0" rIns="0" bIns="0" rtlCol="0" anchor="t">
            <a:noAutofit/>
          </a:bodyPr>
          <a:lstStyle/>
          <a:p>
            <a:r>
              <a:rPr lang="en-GB"/>
              <a:t>Click to edit Master title style</a:t>
            </a:r>
          </a:p>
        </p:txBody>
      </p:sp>
      <p:sp>
        <p:nvSpPr>
          <p:cNvPr id="3" name="Text Placeholder 2">
            <a:extLst>
              <a:ext uri="{FF2B5EF4-FFF2-40B4-BE49-F238E27FC236}">
                <a16:creationId xmlns:a16="http://schemas.microsoft.com/office/drawing/2014/main" id="{076F94A2-50F8-430F-B46C-2D50472D7A69}"/>
              </a:ext>
            </a:extLst>
          </p:cNvPr>
          <p:cNvSpPr>
            <a:spLocks noGrp="1"/>
          </p:cNvSpPr>
          <p:nvPr>
            <p:ph type="body" idx="1"/>
          </p:nvPr>
        </p:nvSpPr>
        <p:spPr>
          <a:xfrm>
            <a:off x="358775" y="1276350"/>
            <a:ext cx="8426450" cy="3203575"/>
          </a:xfrm>
          <a:prstGeom prst="rect">
            <a:avLst/>
          </a:prstGeom>
        </p:spPr>
        <p:txBody>
          <a:bodyPr vert="horz" lIns="0" tIns="0" rIns="0" bIns="0" rtlCol="0">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Date Placeholder 3">
            <a:extLst>
              <a:ext uri="{FF2B5EF4-FFF2-40B4-BE49-F238E27FC236}">
                <a16:creationId xmlns:a16="http://schemas.microsoft.com/office/drawing/2014/main" id="{A01CEDF7-309C-40F3-8700-9F4DBE766E2C}"/>
              </a:ext>
            </a:extLst>
          </p:cNvPr>
          <p:cNvSpPr>
            <a:spLocks noGrp="1"/>
          </p:cNvSpPr>
          <p:nvPr>
            <p:ph type="dt" sz="half" idx="2"/>
          </p:nvPr>
        </p:nvSpPr>
        <p:spPr>
          <a:xfrm>
            <a:off x="6804000" y="4770375"/>
            <a:ext cx="1177196" cy="184336"/>
          </a:xfrm>
          <a:prstGeom prst="rect">
            <a:avLst/>
          </a:prstGeom>
        </p:spPr>
        <p:txBody>
          <a:bodyPr vert="horz" lIns="0" tIns="0" rIns="0" bIns="0" rtlCol="0" anchor="t"/>
          <a:lstStyle>
            <a:lvl1pPr algn="l">
              <a:defRPr sz="800">
                <a:solidFill>
                  <a:schemeClr val="tx1"/>
                </a:solidFill>
              </a:defRPr>
            </a:lvl1pPr>
          </a:lstStyle>
          <a:p>
            <a:fld id="{ED8FFC02-F414-406A-9AF9-AE6E7846E736}" type="datetime4">
              <a:rPr lang="en-GB" smtClean="0"/>
              <a:t>5 May 2023</a:t>
            </a:fld>
            <a:endParaRPr lang="en-GB"/>
          </a:p>
        </p:txBody>
      </p:sp>
      <p:sp>
        <p:nvSpPr>
          <p:cNvPr id="5" name="Footer Placeholder 4">
            <a:extLst>
              <a:ext uri="{FF2B5EF4-FFF2-40B4-BE49-F238E27FC236}">
                <a16:creationId xmlns:a16="http://schemas.microsoft.com/office/drawing/2014/main" id="{867B08D8-7EDB-4388-A7EE-8AB294EA7887}"/>
              </a:ext>
            </a:extLst>
          </p:cNvPr>
          <p:cNvSpPr>
            <a:spLocks noGrp="1"/>
          </p:cNvSpPr>
          <p:nvPr>
            <p:ph type="ftr" sz="quarter" idx="3"/>
          </p:nvPr>
        </p:nvSpPr>
        <p:spPr>
          <a:xfrm>
            <a:off x="2519999" y="4770374"/>
            <a:ext cx="3086100" cy="184335"/>
          </a:xfrm>
          <a:prstGeom prst="rect">
            <a:avLst/>
          </a:prstGeom>
        </p:spPr>
        <p:txBody>
          <a:bodyPr vert="horz" lIns="0" tIns="0" rIns="0" bIns="0" rtlCol="0" anchor="t"/>
          <a:lstStyle>
            <a:lvl1pPr algn="l">
              <a:defRPr sz="800">
                <a:solidFill>
                  <a:schemeClr val="tx1"/>
                </a:solidFill>
              </a:defRPr>
            </a:lvl1pPr>
          </a:lstStyle>
          <a:p>
            <a:r>
              <a:rPr lang="en-GB"/>
              <a:t>Corporate Design - Power Point Master</a:t>
            </a:r>
          </a:p>
        </p:txBody>
      </p:sp>
      <p:sp>
        <p:nvSpPr>
          <p:cNvPr id="6" name="Slide Number Placeholder 5">
            <a:extLst>
              <a:ext uri="{FF2B5EF4-FFF2-40B4-BE49-F238E27FC236}">
                <a16:creationId xmlns:a16="http://schemas.microsoft.com/office/drawing/2014/main" id="{7A26C2A0-BCAA-4FD2-BD67-F5225215B65D}"/>
              </a:ext>
            </a:extLst>
          </p:cNvPr>
          <p:cNvSpPr>
            <a:spLocks noGrp="1"/>
          </p:cNvSpPr>
          <p:nvPr>
            <p:ph type="sldNum" sz="quarter" idx="4"/>
          </p:nvPr>
        </p:nvSpPr>
        <p:spPr>
          <a:xfrm>
            <a:off x="8571600" y="4767263"/>
            <a:ext cx="216000" cy="273844"/>
          </a:xfrm>
          <a:prstGeom prst="rect">
            <a:avLst/>
          </a:prstGeom>
        </p:spPr>
        <p:txBody>
          <a:bodyPr vert="horz" lIns="0" tIns="0" rIns="0" bIns="0" rtlCol="0" anchor="t"/>
          <a:lstStyle>
            <a:lvl1pPr algn="ctr">
              <a:defRPr sz="800" spc="-30" baseline="0">
                <a:solidFill>
                  <a:schemeClr val="bg2"/>
                </a:solidFill>
              </a:defRPr>
            </a:lvl1pPr>
          </a:lstStyle>
          <a:p>
            <a:fld id="{7559FC98-AF75-4A00-A03C-DF9FEBF6BCB9}" type="slidenum">
              <a:rPr lang="en-GB" smtClean="0"/>
              <a:pPr/>
              <a:t>‹#›</a:t>
            </a:fld>
            <a:endParaRPr lang="en-GB"/>
          </a:p>
        </p:txBody>
      </p:sp>
    </p:spTree>
    <p:extLst>
      <p:ext uri="{BB962C8B-B14F-4D97-AF65-F5344CB8AC3E}">
        <p14:creationId xmlns:p14="http://schemas.microsoft.com/office/powerpoint/2010/main" val="2386684663"/>
      </p:ext>
    </p:extLst>
  </p:cSld>
  <p:clrMap bg1="lt1" tx1="dk1" bg2="lt2" tx2="dk2" accent1="accent1" accent2="accent2" accent3="accent3" accent4="accent4" accent5="accent5" accent6="accent6" hlink="hlink" folHlink="folHlink"/>
  <p:sldLayoutIdLst>
    <p:sldLayoutId id="2147483696" r:id="rId1"/>
    <p:sldLayoutId id="2147483697" r:id="rId2"/>
    <p:sldLayoutId id="2147483698" r:id="rId3"/>
    <p:sldLayoutId id="2147483699" r:id="rId4"/>
    <p:sldLayoutId id="2147483700" r:id="rId5"/>
    <p:sldLayoutId id="2147483701" r:id="rId6"/>
    <p:sldLayoutId id="2147483702" r:id="rId7"/>
    <p:sldLayoutId id="2147483703" r:id="rId8"/>
    <p:sldLayoutId id="2147483704" r:id="rId9"/>
    <p:sldLayoutId id="2147483705" r:id="rId10"/>
    <p:sldLayoutId id="2147483706" r:id="rId11"/>
    <p:sldLayoutId id="2147483707" r:id="rId12"/>
    <p:sldLayoutId id="2147483708" r:id="rId13"/>
    <p:sldLayoutId id="2147483709" r:id="rId14"/>
    <p:sldLayoutId id="2147483727" r:id="rId15"/>
    <p:sldLayoutId id="2147483728" r:id="rId16"/>
  </p:sldLayoutIdLst>
  <p:hf hdr="0"/>
  <p:txStyles>
    <p:titleStyle>
      <a:lvl1pPr algn="l" defTabSz="685800" rtl="0" eaLnBrk="1" latinLnBrk="0" hangingPunct="1">
        <a:lnSpc>
          <a:spcPct val="90000"/>
        </a:lnSpc>
        <a:spcBef>
          <a:spcPct val="0"/>
        </a:spcBef>
        <a:buNone/>
        <a:defRPr sz="2400" kern="1200">
          <a:solidFill>
            <a:schemeClr val="tx1"/>
          </a:solidFill>
          <a:latin typeface="+mj-lt"/>
          <a:ea typeface="+mj-ea"/>
          <a:cs typeface="+mj-cs"/>
        </a:defRPr>
      </a:lvl1pPr>
    </p:titleStyle>
    <p:body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p:bodyStyle>
    <p:other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3">
          <p15:clr>
            <a:srgbClr val="F26B43"/>
          </p15:clr>
        </p15:guide>
        <p15:guide id="3" pos="226">
          <p15:clr>
            <a:srgbClr val="F26B43"/>
          </p15:clr>
        </p15:guide>
        <p15:guide id="4" pos="5534">
          <p15:clr>
            <a:srgbClr val="F26B43"/>
          </p15:clr>
        </p15:guide>
        <p15:guide id="5" orient="horz" pos="237">
          <p15:clr>
            <a:srgbClr val="F26B43"/>
          </p15:clr>
        </p15:guide>
        <p15:guide id="6" orient="horz" pos="804">
          <p15:clr>
            <a:srgbClr val="F26B43"/>
          </p15:clr>
        </p15:guide>
        <p15:guide id="7" orient="horz" pos="2822">
          <p15:clr>
            <a:srgbClr val="F26B43"/>
          </p15:clr>
        </p15:guide>
        <p15:guide id="8" pos="2823">
          <p15:clr>
            <a:srgbClr val="F26B43"/>
          </p15:clr>
        </p15:guide>
        <p15:guide id="9" pos="2937">
          <p15:clr>
            <a:srgbClr val="F26B43"/>
          </p15:clr>
        </p15:guide>
        <p15:guide id="10" orient="horz" pos="463">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7" Type="http://schemas.openxmlformats.org/officeDocument/2006/relationships/image" Target="../media/image5.png"/><Relationship Id="rId2" Type="http://schemas.openxmlformats.org/officeDocument/2006/relationships/customXml" Target="../../customXml/item15.xml"/><Relationship Id="rId1" Type="http://schemas.openxmlformats.org/officeDocument/2006/relationships/customXml" Target="../../customXml/item14.xml"/><Relationship Id="rId6" Type="http://schemas.microsoft.com/office/2007/relationships/hdphoto" Target="../media/hdphoto1.wdp"/><Relationship Id="rId5" Type="http://schemas.openxmlformats.org/officeDocument/2006/relationships/image" Target="../media/image4.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10.xml"/><Relationship Id="rId1" Type="http://schemas.openxmlformats.org/officeDocument/2006/relationships/slideLayout" Target="../slideLayouts/slideLayout5.xml"/><Relationship Id="rId4" Type="http://schemas.microsoft.com/office/2007/relationships/hdphoto" Target="../media/hdphoto2.wdp"/></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5.xml"/><Relationship Id="rId7" Type="http://schemas.openxmlformats.org/officeDocument/2006/relationships/image" Target="../media/image29.png"/><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image" Target="../media/image28.svg"/><Relationship Id="rId5" Type="http://schemas.openxmlformats.org/officeDocument/2006/relationships/image" Target="../media/image27.png"/><Relationship Id="rId4" Type="http://schemas.openxmlformats.org/officeDocument/2006/relationships/notesSlide" Target="../notesSlides/notesSlide11.xml"/></Relationships>
</file>

<file path=ppt/slides/_rels/slide12.xml.rels><?xml version="1.0" encoding="UTF-8" standalone="yes"?>
<Relationships xmlns="http://schemas.openxmlformats.org/package/2006/relationships"><Relationship Id="rId8" Type="http://schemas.openxmlformats.org/officeDocument/2006/relationships/image" Target="../media/image33.png"/><Relationship Id="rId13" Type="http://schemas.openxmlformats.org/officeDocument/2006/relationships/image" Target="../media/image38.png"/><Relationship Id="rId3" Type="http://schemas.openxmlformats.org/officeDocument/2006/relationships/slideLayout" Target="../slideLayouts/slideLayout5.xml"/><Relationship Id="rId7" Type="http://schemas.openxmlformats.org/officeDocument/2006/relationships/image" Target="../media/image32.png"/><Relationship Id="rId12" Type="http://schemas.openxmlformats.org/officeDocument/2006/relationships/image" Target="../media/image37.png"/><Relationship Id="rId2" Type="http://schemas.openxmlformats.org/officeDocument/2006/relationships/customXml" Target="../../customXml/item25.xml"/><Relationship Id="rId1" Type="http://schemas.openxmlformats.org/officeDocument/2006/relationships/customXml" Target="../../customXml/item24.xml"/><Relationship Id="rId6" Type="http://schemas.openxmlformats.org/officeDocument/2006/relationships/image" Target="../media/image31.png"/><Relationship Id="rId11" Type="http://schemas.openxmlformats.org/officeDocument/2006/relationships/image" Target="../media/image36.png"/><Relationship Id="rId5" Type="http://schemas.openxmlformats.org/officeDocument/2006/relationships/image" Target="../media/image30.png"/><Relationship Id="rId10" Type="http://schemas.openxmlformats.org/officeDocument/2006/relationships/image" Target="../media/image35.png"/><Relationship Id="rId4" Type="http://schemas.openxmlformats.org/officeDocument/2006/relationships/notesSlide" Target="../notesSlides/notesSlide12.xml"/><Relationship Id="rId9" Type="http://schemas.openxmlformats.org/officeDocument/2006/relationships/image" Target="../media/image34.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27.xml"/><Relationship Id="rId1" Type="http://schemas.openxmlformats.org/officeDocument/2006/relationships/customXml" Target="../../customXml/item26.xml"/><Relationship Id="rId5" Type="http://schemas.openxmlformats.org/officeDocument/2006/relationships/image" Target="../media/image39.png"/><Relationship Id="rId4" Type="http://schemas.openxmlformats.org/officeDocument/2006/relationships/notesSlide" Target="../notesSlides/notesSlide13.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29.xml"/><Relationship Id="rId1" Type="http://schemas.openxmlformats.org/officeDocument/2006/relationships/customXml" Target="../../customXml/item28.xml"/><Relationship Id="rId5" Type="http://schemas.openxmlformats.org/officeDocument/2006/relationships/image" Target="../media/image40.png"/><Relationship Id="rId4" Type="http://schemas.openxmlformats.org/officeDocument/2006/relationships/notesSlide" Target="../notesSlides/notesSlide14.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31.xml"/><Relationship Id="rId1" Type="http://schemas.openxmlformats.org/officeDocument/2006/relationships/customXml" Target="../../customXml/item30.xml"/><Relationship Id="rId5" Type="http://schemas.openxmlformats.org/officeDocument/2006/relationships/image" Target="../media/image41.png"/><Relationship Id="rId4" Type="http://schemas.openxmlformats.org/officeDocument/2006/relationships/notesSlide" Target="../notesSlides/notesSlide15.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9.xml"/></Relationships>
</file>

<file path=ppt/slides/_rels/slide17.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17.xml"/><Relationship Id="rId1" Type="http://schemas.openxmlformats.org/officeDocument/2006/relationships/slideLayout" Target="../slideLayouts/slideLayout5.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33.xml"/><Relationship Id="rId1" Type="http://schemas.openxmlformats.org/officeDocument/2006/relationships/customXml" Target="../../customXml/item32.xml"/><Relationship Id="rId4" Type="http://schemas.openxmlformats.org/officeDocument/2006/relationships/notesSlide" Target="../notesSlides/notesSlide18.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xml"/><Relationship Id="rId7" Type="http://schemas.openxmlformats.org/officeDocument/2006/relationships/image" Target="../media/image5.png"/><Relationship Id="rId2" Type="http://schemas.openxmlformats.org/officeDocument/2006/relationships/customXml" Target="../../customXml/item35.xml"/><Relationship Id="rId1" Type="http://schemas.openxmlformats.org/officeDocument/2006/relationships/customXml" Target="../../customXml/item34.xml"/><Relationship Id="rId6" Type="http://schemas.microsoft.com/office/2007/relationships/hdphoto" Target="../media/hdphoto3.wdp"/><Relationship Id="rId5" Type="http://schemas.openxmlformats.org/officeDocument/2006/relationships/image" Target="../media/image4.png"/><Relationship Id="rId4" Type="http://schemas.openxmlformats.org/officeDocument/2006/relationships/notesSlide" Target="../notesSlides/notesSlide19.xml"/></Relationships>
</file>

<file path=ppt/slides/_rels/slide2.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notesSlide" Target="../notesSlides/notesSlide2.xml"/><Relationship Id="rId1" Type="http://schemas.openxmlformats.org/officeDocument/2006/relationships/slideLayout" Target="../slideLayouts/slideLayout9.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9.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5.xml"/><Relationship Id="rId7" Type="http://schemas.openxmlformats.org/officeDocument/2006/relationships/image" Target="../media/image180.png"/><Relationship Id="rId2" Type="http://schemas.openxmlformats.org/officeDocument/2006/relationships/customXml" Target="../../customXml/item37.xml"/><Relationship Id="rId1" Type="http://schemas.openxmlformats.org/officeDocument/2006/relationships/customXml" Target="../../customXml/item36.xml"/><Relationship Id="rId6" Type="http://schemas.openxmlformats.org/officeDocument/2006/relationships/image" Target="../media/image28.svg"/><Relationship Id="rId5" Type="http://schemas.openxmlformats.org/officeDocument/2006/relationships/image" Target="../media/image27.png"/><Relationship Id="rId4" Type="http://schemas.openxmlformats.org/officeDocument/2006/relationships/notesSlide" Target="../notesSlides/notesSlide21.xml"/></Relationships>
</file>

<file path=ppt/slides/_rels/slide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3.xml"/><Relationship Id="rId1" Type="http://schemas.openxmlformats.org/officeDocument/2006/relationships/slideLayout" Target="../slideLayouts/slideLayout9.xml"/><Relationship Id="rId6" Type="http://schemas.openxmlformats.org/officeDocument/2006/relationships/image" Target="../media/image10.png"/><Relationship Id="rId5" Type="http://schemas.openxmlformats.org/officeDocument/2006/relationships/image" Target="../media/image9.png"/><Relationship Id="rId4" Type="http://schemas.openxmlformats.org/officeDocument/2006/relationships/image" Target="../media/image8.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7.xml"/><Relationship Id="rId1" Type="http://schemas.openxmlformats.org/officeDocument/2006/relationships/customXml" Target="../../customXml/item16.xml"/><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slideLayout" Target="../slideLayouts/slideLayout5.xml"/><Relationship Id="rId7" Type="http://schemas.openxmlformats.org/officeDocument/2006/relationships/image" Target="../media/image13.png"/><Relationship Id="rId2" Type="http://schemas.openxmlformats.org/officeDocument/2006/relationships/customXml" Target="../../customXml/item19.xml"/><Relationship Id="rId1" Type="http://schemas.openxmlformats.org/officeDocument/2006/relationships/customXml" Target="../../customXml/item18.xml"/><Relationship Id="rId6" Type="http://schemas.openxmlformats.org/officeDocument/2006/relationships/image" Target="../media/image12.png"/><Relationship Id="rId5" Type="http://schemas.openxmlformats.org/officeDocument/2006/relationships/image" Target="../media/image11.png"/><Relationship Id="rId4" Type="http://schemas.openxmlformats.org/officeDocument/2006/relationships/notesSlide" Target="../notesSlides/notesSlide5.xml"/><Relationship Id="rId9" Type="http://schemas.openxmlformats.org/officeDocument/2006/relationships/image" Target="../media/image15.sv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9.xml"/></Relationships>
</file>

<file path=ppt/slides/_rels/slide7.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24.png"/><Relationship Id="rId3" Type="http://schemas.openxmlformats.org/officeDocument/2006/relationships/slideLayout" Target="../slideLayouts/slideLayout5.xml"/><Relationship Id="rId7" Type="http://schemas.openxmlformats.org/officeDocument/2006/relationships/image" Target="../media/image18.png"/><Relationship Id="rId12" Type="http://schemas.openxmlformats.org/officeDocument/2006/relationships/image" Target="../media/image23.svg"/><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image" Target="../media/image17.svg"/><Relationship Id="rId11" Type="http://schemas.openxmlformats.org/officeDocument/2006/relationships/image" Target="../media/image22.png"/><Relationship Id="rId5" Type="http://schemas.openxmlformats.org/officeDocument/2006/relationships/image" Target="../media/image16.png"/><Relationship Id="rId10" Type="http://schemas.openxmlformats.org/officeDocument/2006/relationships/image" Target="../media/image21.svg"/><Relationship Id="rId4" Type="http://schemas.openxmlformats.org/officeDocument/2006/relationships/notesSlide" Target="../notesSlides/notesSlide7.xml"/><Relationship Id="rId9" Type="http://schemas.openxmlformats.org/officeDocument/2006/relationships/image" Target="../media/image20.png"/></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9.xml"/></Relationships>
</file>

<file path=ppt/slides/_rels/slide9.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9.xml"/><Relationship Id="rId1" Type="http://schemas.openxmlformats.org/officeDocument/2006/relationships/slideLayout" Target="../slideLayouts/slideLayout5.xml"/><Relationship Id="rId5" Type="http://schemas.openxmlformats.org/officeDocument/2006/relationships/image" Target="../media/image17.svg"/><Relationship Id="rId4" Type="http://schemas.openxmlformats.org/officeDocument/2006/relationships/image" Target="../media/image16.png"/></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4B0BCA-4F5F-4013-85EF-9B92FCD581B6}"/>
              </a:ext>
            </a:extLst>
          </p:cNvPr>
          <p:cNvSpPr>
            <a:spLocks noGrp="1"/>
          </p:cNvSpPr>
          <p:nvPr>
            <p:ph type="title"/>
          </p:nvPr>
        </p:nvSpPr>
        <p:spPr>
          <a:xfrm>
            <a:off x="789065" y="1661160"/>
            <a:ext cx="7044296" cy="1641298"/>
          </a:xfrm>
        </p:spPr>
        <p:txBody>
          <a:bodyPr/>
          <a:lstStyle/>
          <a:p>
            <a:r>
              <a:rPr lang="en-US" sz="3200" b="1"/>
              <a:t>Breaking News: </a:t>
            </a:r>
            <a:r>
              <a:rPr lang="en-US" sz="3200"/>
              <a:t>Psycholinguistic and </a:t>
            </a:r>
            <a:r>
              <a:rPr lang="en-GB" sz="3200"/>
              <a:t>Behavioural</a:t>
            </a:r>
            <a:r>
              <a:rPr lang="en-US" sz="3200"/>
              <a:t> Differences in (Un)-Trustworthy Online News Source Interaction</a:t>
            </a:r>
            <a:endParaRPr lang="en-GB" sz="3200" dirty="0">
              <a:solidFill>
                <a:schemeClr val="tx1">
                  <a:lumMod val="50000"/>
                  <a:lumOff val="50000"/>
                </a:schemeClr>
              </a:solidFill>
            </a:endParaRPr>
          </a:p>
        </p:txBody>
      </p:sp>
      <p:sp>
        <p:nvSpPr>
          <p:cNvPr id="3" name="Text Placeholder 2">
            <a:extLst>
              <a:ext uri="{FF2B5EF4-FFF2-40B4-BE49-F238E27FC236}">
                <a16:creationId xmlns:a16="http://schemas.microsoft.com/office/drawing/2014/main" id="{B3A452BF-BC7E-4241-8028-121E88C1F22B}"/>
              </a:ext>
            </a:extLst>
          </p:cNvPr>
          <p:cNvSpPr>
            <a:spLocks noGrp="1"/>
          </p:cNvSpPr>
          <p:nvPr>
            <p:ph type="body" sz="quarter" idx="10"/>
          </p:nvPr>
        </p:nvSpPr>
        <p:spPr>
          <a:xfrm>
            <a:off x="789065" y="3520108"/>
            <a:ext cx="3913693" cy="1356057"/>
          </a:xfrm>
        </p:spPr>
        <p:txBody>
          <a:bodyPr vert="horz" lIns="0" tIns="0" rIns="0" bIns="0" rtlCol="0" anchor="t">
            <a:normAutofit/>
          </a:bodyPr>
          <a:lstStyle/>
          <a:p>
            <a:br>
              <a:rPr lang="en-GB">
                <a:ea typeface="+mn-lt"/>
                <a:cs typeface="+mn-lt"/>
              </a:rPr>
            </a:br>
            <a:r>
              <a:rPr lang="en-GB">
                <a:ea typeface="+mn-lt"/>
                <a:cs typeface="+mn-lt"/>
              </a:rPr>
              <a:t>May 9</a:t>
            </a:r>
            <a:r>
              <a:rPr lang="en-GB" baseline="30000">
                <a:ea typeface="+mn-lt"/>
                <a:cs typeface="+mn-lt"/>
              </a:rPr>
              <a:t>th</a:t>
            </a:r>
            <a:r>
              <a:rPr lang="en-GB">
                <a:ea typeface="+mn-lt"/>
                <a:cs typeface="+mn-lt"/>
              </a:rPr>
              <a:t> 2023</a:t>
            </a:r>
          </a:p>
          <a:p>
            <a:r>
              <a:rPr lang="en-GB">
                <a:ea typeface="+mn-lt"/>
                <a:cs typeface="+mn-lt"/>
              </a:rPr>
              <a:t>Pietro Aluffi, Léo Meyent, Clemens Stachl</a:t>
            </a:r>
            <a:endParaRPr lang="en-GB"/>
          </a:p>
          <a:p>
            <a:endParaRPr lang="en-GB" dirty="0"/>
          </a:p>
        </p:txBody>
      </p:sp>
      <p:pic>
        <p:nvPicPr>
          <p:cNvPr id="6" name="Picture 5" descr="A red text on a white background&#10;&#10;Description automatically generated with medium confidence">
            <a:extLst>
              <a:ext uri="{FF2B5EF4-FFF2-40B4-BE49-F238E27FC236}">
                <a16:creationId xmlns:a16="http://schemas.microsoft.com/office/drawing/2014/main" id="{A78C4F1D-E9F0-6B49-3316-248B4837F5B2}"/>
              </a:ext>
            </a:extLst>
          </p:cNvPr>
          <p:cNvPicPr>
            <a:picLocks noChangeAspect="1"/>
          </p:cNvPicPr>
          <p:nvPr/>
        </p:nvPicPr>
        <p:blipFill>
          <a:blip r:embed="rId5">
            <a:extLst>
              <a:ext uri="{BEBA8EAE-BF5A-486C-A8C5-ECC9F3942E4B}">
                <a14:imgProps xmlns:a14="http://schemas.microsoft.com/office/drawing/2010/main">
                  <a14:imgLayer r:embed="rId6">
                    <a14:imgEffect>
                      <a14:backgroundRemoval t="10000" b="90000" l="10000" r="90000">
                        <a14:foregroundMark x1="36250" y1="51852" x2="36250" y2="51852"/>
                        <a14:foregroundMark x1="53021" y1="42222" x2="53021" y2="42222"/>
                        <a14:foregroundMark x1="63698" y1="50648" x2="63698" y2="50648"/>
                        <a14:foregroundMark x1="54844" y1="62778" x2="54844" y2="62778"/>
                        <a14:foregroundMark x1="72292" y1="57130" x2="72292" y2="57130"/>
                        <a14:foregroundMark x1="17448" y1="34537" x2="17448" y2="34537"/>
                      </a14:backgroundRemoval>
                    </a14:imgEffect>
                  </a14:imgLayer>
                </a14:imgProps>
              </a:ext>
              <a:ext uri="{28A0092B-C50C-407E-A947-70E740481C1C}">
                <a14:useLocalDpi xmlns:a14="http://schemas.microsoft.com/office/drawing/2010/main" val="0"/>
              </a:ext>
            </a:extLst>
          </a:blip>
          <a:stretch>
            <a:fillRect/>
          </a:stretch>
        </p:blipFill>
        <p:spPr>
          <a:xfrm>
            <a:off x="2599460" y="202335"/>
            <a:ext cx="1728000" cy="972000"/>
          </a:xfrm>
          <a:prstGeom prst="rect">
            <a:avLst/>
          </a:prstGeom>
        </p:spPr>
      </p:pic>
      <p:pic>
        <p:nvPicPr>
          <p:cNvPr id="8" name="Picture 7" descr="Shape&#10;&#10;Description automatically generated with medium confidence">
            <a:extLst>
              <a:ext uri="{FF2B5EF4-FFF2-40B4-BE49-F238E27FC236}">
                <a16:creationId xmlns:a16="http://schemas.microsoft.com/office/drawing/2014/main" id="{429FDC6D-9109-E28B-1BA3-DCF38B0F894A}"/>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4572000" y="296441"/>
            <a:ext cx="2719749" cy="877894"/>
          </a:xfrm>
          <a:prstGeom prst="rect">
            <a:avLst/>
          </a:prstGeom>
        </p:spPr>
      </p:pic>
    </p:spTree>
    <p:custDataLst>
      <p:custData r:id="rId1"/>
      <p:custData r:id="rId2"/>
    </p:custDataLst>
    <p:extLst>
      <p:ext uri="{BB962C8B-B14F-4D97-AF65-F5344CB8AC3E}">
        <p14:creationId xmlns:p14="http://schemas.microsoft.com/office/powerpoint/2010/main" val="102703097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FE34C7F-346D-4632-A718-477C9B221782}"/>
              </a:ext>
            </a:extLst>
          </p:cNvPr>
          <p:cNvSpPr>
            <a:spLocks noGrp="1"/>
          </p:cNvSpPr>
          <p:nvPr>
            <p:ph type="title"/>
          </p:nvPr>
        </p:nvSpPr>
        <p:spPr/>
        <p:txBody>
          <a:bodyPr/>
          <a:lstStyle/>
          <a:p>
            <a:r>
              <a:rPr lang="en-GB" dirty="0">
                <a:latin typeface="+mn-lt"/>
                <a:ea typeface="+mn-ea"/>
                <a:cs typeface="+mn-cs"/>
              </a:rPr>
              <a:t>Workflow</a:t>
            </a:r>
          </a:p>
        </p:txBody>
      </p:sp>
      <p:grpSp>
        <p:nvGrpSpPr>
          <p:cNvPr id="23" name="Group 22">
            <a:extLst>
              <a:ext uri="{FF2B5EF4-FFF2-40B4-BE49-F238E27FC236}">
                <a16:creationId xmlns:a16="http://schemas.microsoft.com/office/drawing/2014/main" id="{545D67E7-1450-58D0-53B1-7AF57982FF81}"/>
              </a:ext>
            </a:extLst>
          </p:cNvPr>
          <p:cNvGrpSpPr/>
          <p:nvPr/>
        </p:nvGrpSpPr>
        <p:grpSpPr>
          <a:xfrm>
            <a:off x="3052483" y="1091339"/>
            <a:ext cx="3099994" cy="3124082"/>
            <a:chOff x="3052483" y="1462814"/>
            <a:chExt cx="3099994" cy="3124082"/>
          </a:xfrm>
        </p:grpSpPr>
        <p:sp>
          <p:nvSpPr>
            <p:cNvPr id="8" name="Rounded Rectangle 7">
              <a:extLst>
                <a:ext uri="{FF2B5EF4-FFF2-40B4-BE49-F238E27FC236}">
                  <a16:creationId xmlns:a16="http://schemas.microsoft.com/office/drawing/2014/main" id="{85BB8DD6-DE75-CD0E-D308-D086E4F79BCB}"/>
                </a:ext>
              </a:extLst>
            </p:cNvPr>
            <p:cNvSpPr/>
            <p:nvPr/>
          </p:nvSpPr>
          <p:spPr>
            <a:xfrm>
              <a:off x="3052483" y="1462814"/>
              <a:ext cx="3039034" cy="539849"/>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algn="ctr"/>
              <a:r>
                <a:rPr lang="en-GB" sz="1400" dirty="0">
                  <a:solidFill>
                    <a:schemeClr val="tx1"/>
                  </a:solidFill>
                </a:rPr>
                <a:t>Isolating users cohorts and pre-processing</a:t>
              </a:r>
              <a:endParaRPr lang="de-DE" sz="1400" dirty="0">
                <a:solidFill>
                  <a:schemeClr val="tx1"/>
                </a:solidFill>
              </a:endParaRPr>
            </a:p>
          </p:txBody>
        </p:sp>
        <p:sp>
          <p:nvSpPr>
            <p:cNvPr id="9" name="Rounded Rectangle 8">
              <a:extLst>
                <a:ext uri="{FF2B5EF4-FFF2-40B4-BE49-F238E27FC236}">
                  <a16:creationId xmlns:a16="http://schemas.microsoft.com/office/drawing/2014/main" id="{A073DF3E-07DE-0FA4-D498-3CB983517CD5}"/>
                </a:ext>
              </a:extLst>
            </p:cNvPr>
            <p:cNvSpPr/>
            <p:nvPr/>
          </p:nvSpPr>
          <p:spPr>
            <a:xfrm>
              <a:off x="3052483" y="2323598"/>
              <a:ext cx="3039034" cy="539849"/>
            </a:xfrm>
            <a:prstGeom prst="roundRect">
              <a:avLst/>
            </a:prstGeom>
            <a:solidFill>
              <a:schemeClr val="accent1">
                <a:alpha val="1500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en-GB" sz="1400" dirty="0">
                  <a:solidFill>
                    <a:schemeClr val="tx1"/>
                  </a:solidFill>
                </a:rPr>
                <a:t>Feature Engineering  LIWC-22 </a:t>
              </a:r>
              <a:endParaRPr lang="de-DE" sz="1400" dirty="0">
                <a:solidFill>
                  <a:schemeClr val="tx1"/>
                </a:solidFill>
              </a:endParaRPr>
            </a:p>
          </p:txBody>
        </p:sp>
        <p:pic>
          <p:nvPicPr>
            <p:cNvPr id="20" name="Picture 2" descr="Immagine">
              <a:extLst>
                <a:ext uri="{FF2B5EF4-FFF2-40B4-BE49-F238E27FC236}">
                  <a16:creationId xmlns:a16="http://schemas.microsoft.com/office/drawing/2014/main" id="{2E5BB1CF-04E5-B0E8-226D-354B18E348D7}"/>
                </a:ext>
              </a:extLst>
            </p:cNvPr>
            <p:cNvPicPr>
              <a:picLocks noChangeAspect="1" noChangeArrowheads="1"/>
            </p:cNvPicPr>
            <p:nvPr/>
          </p:nvPicPr>
          <p:blipFill>
            <a:blip r:embed="rId3">
              <a:extLst>
                <a:ext uri="{BEBA8EAE-BF5A-486C-A8C5-ECC9F3942E4B}">
                  <a14:imgProps xmlns:a14="http://schemas.microsoft.com/office/drawing/2010/main">
                    <a14:imgLayer r:embed="rId4">
                      <a14:imgEffect>
                        <a14:backgroundRemoval t="10000" b="90000" l="10000" r="90000">
                          <a14:foregroundMark x1="21750" y1="54500" x2="21750" y2="54500"/>
                          <a14:foregroundMark x1="35000" y1="35250" x2="35000" y2="35250"/>
                          <a14:foregroundMark x1="38000" y1="31500" x2="38000" y2="31500"/>
                          <a14:foregroundMark x1="29750" y1="43250" x2="29750" y2="43250"/>
                          <a14:foregroundMark x1="35750" y1="35750" x2="35750" y2="35750"/>
                        </a14:backgroundRemoval>
                      </a14:imgEffect>
                    </a14:imgLayer>
                  </a14:imgProps>
                </a:ext>
                <a:ext uri="{28A0092B-C50C-407E-A947-70E740481C1C}">
                  <a14:useLocalDpi xmlns:a14="http://schemas.microsoft.com/office/drawing/2010/main" val="0"/>
                </a:ext>
              </a:extLst>
            </a:blip>
            <a:srcRect/>
            <a:stretch>
              <a:fillRect/>
            </a:stretch>
          </p:blipFill>
          <p:spPr bwMode="auto">
            <a:xfrm>
              <a:off x="5301870" y="2170276"/>
              <a:ext cx="850607" cy="850607"/>
            </a:xfrm>
            <a:prstGeom prst="rect">
              <a:avLst/>
            </a:prstGeom>
            <a:noFill/>
            <a:extLst>
              <a:ext uri="{909E8E84-426E-40DD-AFC4-6F175D3DCCD1}">
                <a14:hiddenFill xmlns:a14="http://schemas.microsoft.com/office/drawing/2010/main">
                  <a:solidFill>
                    <a:srgbClr val="FFFFFF"/>
                  </a:solidFill>
                </a14:hiddenFill>
              </a:ext>
            </a:extLst>
          </p:spPr>
        </p:pic>
        <p:sp>
          <p:nvSpPr>
            <p:cNvPr id="21" name="Rounded Rectangle 20">
              <a:extLst>
                <a:ext uri="{FF2B5EF4-FFF2-40B4-BE49-F238E27FC236}">
                  <a16:creationId xmlns:a16="http://schemas.microsoft.com/office/drawing/2014/main" id="{69A6C58D-2690-7DE3-9113-678672EAE371}"/>
                </a:ext>
              </a:extLst>
            </p:cNvPr>
            <p:cNvSpPr/>
            <p:nvPr/>
          </p:nvSpPr>
          <p:spPr>
            <a:xfrm>
              <a:off x="3052483" y="3184382"/>
              <a:ext cx="3039034" cy="539849"/>
            </a:xfrm>
            <a:prstGeom prst="roundRect">
              <a:avLst/>
            </a:prstGeom>
            <a:solidFill>
              <a:schemeClr val="accent1">
                <a:alpha val="1500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algn="ctr"/>
              <a:r>
                <a:rPr lang="en-GB" sz="1400" dirty="0">
                  <a:solidFill>
                    <a:schemeClr val="tx1"/>
                  </a:solidFill>
                </a:rPr>
                <a:t>Modelling performance evaluation and model interpretation [RQ1]</a:t>
              </a:r>
              <a:endParaRPr lang="de-DE" sz="1400" dirty="0">
                <a:solidFill>
                  <a:schemeClr val="tx1"/>
                </a:solidFill>
              </a:endParaRPr>
            </a:p>
          </p:txBody>
        </p:sp>
        <p:sp>
          <p:nvSpPr>
            <p:cNvPr id="22" name="Rounded Rectangle 21">
              <a:extLst>
                <a:ext uri="{FF2B5EF4-FFF2-40B4-BE49-F238E27FC236}">
                  <a16:creationId xmlns:a16="http://schemas.microsoft.com/office/drawing/2014/main" id="{84BC72F2-5DC1-6F4E-8A0A-F73A3E7BDE49}"/>
                </a:ext>
              </a:extLst>
            </p:cNvPr>
            <p:cNvSpPr/>
            <p:nvPr/>
          </p:nvSpPr>
          <p:spPr>
            <a:xfrm>
              <a:off x="3052483" y="4047047"/>
              <a:ext cx="3039034" cy="539849"/>
            </a:xfrm>
            <a:prstGeom prst="roundRect">
              <a:avLst/>
            </a:prstGeom>
            <a:solidFill>
              <a:schemeClr val="accent1">
                <a:alpha val="1500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algn="ctr"/>
              <a:r>
                <a:rPr lang="en-GB" sz="1400" dirty="0">
                  <a:solidFill>
                    <a:schemeClr val="tx1"/>
                  </a:solidFill>
                </a:rPr>
                <a:t>Early warning detection [RQ2]</a:t>
              </a:r>
              <a:endParaRPr lang="de-DE" sz="1400" dirty="0">
                <a:solidFill>
                  <a:schemeClr val="tx1"/>
                </a:solidFill>
              </a:endParaRPr>
            </a:p>
          </p:txBody>
        </p:sp>
      </p:grpSp>
      <p:cxnSp>
        <p:nvCxnSpPr>
          <p:cNvPr id="25" name="Straight Arrow Connector 24">
            <a:extLst>
              <a:ext uri="{FF2B5EF4-FFF2-40B4-BE49-F238E27FC236}">
                <a16:creationId xmlns:a16="http://schemas.microsoft.com/office/drawing/2014/main" id="{DB92E622-0BBE-E201-60E3-D4CA5B2C72F5}"/>
              </a:ext>
            </a:extLst>
          </p:cNvPr>
          <p:cNvCxnSpPr>
            <a:stCxn id="8" idx="2"/>
            <a:endCxn id="9" idx="0"/>
          </p:cNvCxnSpPr>
          <p:nvPr/>
        </p:nvCxnSpPr>
        <p:spPr>
          <a:xfrm>
            <a:off x="4572000" y="1631188"/>
            <a:ext cx="0" cy="320935"/>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28" name="Straight Arrow Connector 27">
            <a:extLst>
              <a:ext uri="{FF2B5EF4-FFF2-40B4-BE49-F238E27FC236}">
                <a16:creationId xmlns:a16="http://schemas.microsoft.com/office/drawing/2014/main" id="{B3BE81D0-0C22-720D-69F9-472409D8EFB0}"/>
              </a:ext>
            </a:extLst>
          </p:cNvPr>
          <p:cNvCxnSpPr>
            <a:cxnSpLocks/>
            <a:stCxn id="9" idx="2"/>
            <a:endCxn id="21" idx="0"/>
          </p:cNvCxnSpPr>
          <p:nvPr/>
        </p:nvCxnSpPr>
        <p:spPr>
          <a:xfrm>
            <a:off x="4572000" y="2491972"/>
            <a:ext cx="0" cy="320935"/>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FCFB149A-9A4A-67F2-D729-1FE396190A76}"/>
              </a:ext>
            </a:extLst>
          </p:cNvPr>
          <p:cNvCxnSpPr>
            <a:cxnSpLocks/>
            <a:stCxn id="21" idx="2"/>
            <a:endCxn id="22" idx="0"/>
          </p:cNvCxnSpPr>
          <p:nvPr/>
        </p:nvCxnSpPr>
        <p:spPr>
          <a:xfrm>
            <a:off x="4572000" y="3352756"/>
            <a:ext cx="0" cy="322816"/>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4114540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EF9789A-4335-4577-AF25-1CB52F39AA43}"/>
              </a:ext>
            </a:extLst>
          </p:cNvPr>
          <p:cNvSpPr>
            <a:spLocks noGrp="1"/>
          </p:cNvSpPr>
          <p:nvPr>
            <p:ph type="title"/>
          </p:nvPr>
        </p:nvSpPr>
        <p:spPr>
          <a:xfrm>
            <a:off x="358775" y="376238"/>
            <a:ext cx="8426450" cy="609662"/>
          </a:xfrm>
        </p:spPr>
        <p:txBody>
          <a:bodyPr/>
          <a:lstStyle/>
          <a:p>
            <a:r>
              <a:rPr lang="en-GB" sz="2000" dirty="0"/>
              <a:t>Isolating users cohorts</a:t>
            </a:r>
            <a:endParaRPr lang="en-GB" dirty="0"/>
          </a:p>
        </p:txBody>
      </p:sp>
      <p:pic>
        <p:nvPicPr>
          <p:cNvPr id="3" name="Graphic 2">
            <a:extLst>
              <a:ext uri="{FF2B5EF4-FFF2-40B4-BE49-F238E27FC236}">
                <a16:creationId xmlns:a16="http://schemas.microsoft.com/office/drawing/2014/main" id="{D9F90482-AC6C-917D-14F9-E1A1F8B84F52}"/>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2860225" y="41183"/>
            <a:ext cx="673142" cy="944717"/>
          </a:xfrm>
          <a:prstGeom prst="rect">
            <a:avLst/>
          </a:prstGeom>
        </p:spPr>
      </p:pic>
      <p:sp>
        <p:nvSpPr>
          <p:cNvPr id="6" name="Rounded Rectangle 5">
            <a:extLst>
              <a:ext uri="{FF2B5EF4-FFF2-40B4-BE49-F238E27FC236}">
                <a16:creationId xmlns:a16="http://schemas.microsoft.com/office/drawing/2014/main" id="{31CAB80B-ADA3-A22E-F1A9-54C42F06CE63}"/>
              </a:ext>
            </a:extLst>
          </p:cNvPr>
          <p:cNvSpPr/>
          <p:nvPr/>
        </p:nvSpPr>
        <p:spPr>
          <a:xfrm>
            <a:off x="358775" y="1626417"/>
            <a:ext cx="1220167" cy="841220"/>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de-DE" sz="1100" b="1" dirty="0">
                <a:solidFill>
                  <a:schemeClr val="tx1"/>
                </a:solidFill>
              </a:rPr>
              <a:t>Group A</a:t>
            </a:r>
          </a:p>
          <a:p>
            <a:pPr marL="171450" indent="-171450">
              <a:buFont typeface="Arial" panose="020B0604020202020204" pitchFamily="34" charset="0"/>
              <a:buChar char="•"/>
            </a:pPr>
            <a:r>
              <a:rPr lang="de-DE" sz="1100" dirty="0">
                <a:solidFill>
                  <a:schemeClr val="tx1"/>
                </a:solidFill>
              </a:rPr>
              <a:t>3/5 </a:t>
            </a:r>
            <a:r>
              <a:rPr lang="en-GB" sz="1100" dirty="0">
                <a:solidFill>
                  <a:schemeClr val="tx1"/>
                </a:solidFill>
              </a:rPr>
              <a:t>unreliable</a:t>
            </a:r>
          </a:p>
          <a:p>
            <a:pPr marL="171450" indent="-171450">
              <a:buFont typeface="Arial" panose="020B0604020202020204" pitchFamily="34" charset="0"/>
              <a:buChar char="•"/>
            </a:pPr>
            <a:r>
              <a:rPr lang="de-DE" sz="1100" dirty="0">
                <a:solidFill>
                  <a:schemeClr val="tx1"/>
                </a:solidFill>
              </a:rPr>
              <a:t>20 </a:t>
            </a:r>
            <a:r>
              <a:rPr lang="en-GB" sz="1100" dirty="0">
                <a:solidFill>
                  <a:schemeClr val="tx1"/>
                </a:solidFill>
              </a:rPr>
              <a:t>comments</a:t>
            </a:r>
          </a:p>
          <a:p>
            <a:pPr marL="171450" indent="-171450">
              <a:buFont typeface="Arial" panose="020B0604020202020204" pitchFamily="34" charset="0"/>
              <a:buChar char="•"/>
            </a:pPr>
            <a:r>
              <a:rPr lang="en-GB" sz="1100" dirty="0">
                <a:solidFill>
                  <a:schemeClr val="tx1"/>
                </a:solidFill>
              </a:rPr>
              <a:t>24months</a:t>
            </a:r>
          </a:p>
        </p:txBody>
      </p:sp>
      <p:sp>
        <p:nvSpPr>
          <p:cNvPr id="9" name="Rounded Rectangle 8">
            <a:extLst>
              <a:ext uri="{FF2B5EF4-FFF2-40B4-BE49-F238E27FC236}">
                <a16:creationId xmlns:a16="http://schemas.microsoft.com/office/drawing/2014/main" id="{30579B4A-00D3-46DE-1F1A-5E1A58C9D888}"/>
              </a:ext>
            </a:extLst>
          </p:cNvPr>
          <p:cNvSpPr/>
          <p:nvPr/>
        </p:nvSpPr>
        <p:spPr>
          <a:xfrm>
            <a:off x="358775" y="3178992"/>
            <a:ext cx="1220167" cy="841220"/>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de-DE" sz="1100" b="1" dirty="0">
                <a:solidFill>
                  <a:schemeClr val="tx1"/>
                </a:solidFill>
              </a:rPr>
              <a:t>Group B</a:t>
            </a:r>
          </a:p>
          <a:p>
            <a:pPr marL="171450" indent="-171450">
              <a:buFont typeface="Arial" panose="020B0604020202020204" pitchFamily="34" charset="0"/>
              <a:buChar char="•"/>
            </a:pPr>
            <a:r>
              <a:rPr lang="de-DE" sz="1100" dirty="0">
                <a:solidFill>
                  <a:schemeClr val="tx1"/>
                </a:solidFill>
              </a:rPr>
              <a:t>5 </a:t>
            </a:r>
            <a:r>
              <a:rPr lang="en-GB" sz="1100" dirty="0">
                <a:solidFill>
                  <a:schemeClr val="tx1"/>
                </a:solidFill>
              </a:rPr>
              <a:t>reliable</a:t>
            </a:r>
          </a:p>
          <a:p>
            <a:pPr marL="171450" indent="-171450">
              <a:buFont typeface="Arial" panose="020B0604020202020204" pitchFamily="34" charset="0"/>
              <a:buChar char="•"/>
            </a:pPr>
            <a:r>
              <a:rPr lang="de-DE" sz="1100" dirty="0">
                <a:solidFill>
                  <a:schemeClr val="tx1"/>
                </a:solidFill>
              </a:rPr>
              <a:t>20 </a:t>
            </a:r>
            <a:r>
              <a:rPr lang="en-GB" sz="1100" dirty="0">
                <a:solidFill>
                  <a:schemeClr val="tx1"/>
                </a:solidFill>
              </a:rPr>
              <a:t>comments</a:t>
            </a:r>
          </a:p>
          <a:p>
            <a:pPr marL="171450" indent="-171450">
              <a:buFont typeface="Arial" panose="020B0604020202020204" pitchFamily="34" charset="0"/>
              <a:buChar char="•"/>
            </a:pPr>
            <a:r>
              <a:rPr lang="en-GB" sz="1100" dirty="0">
                <a:solidFill>
                  <a:schemeClr val="tx1"/>
                </a:solidFill>
              </a:rPr>
              <a:t>24months</a:t>
            </a:r>
          </a:p>
        </p:txBody>
      </p:sp>
      <p:sp>
        <p:nvSpPr>
          <p:cNvPr id="11" name="Rounded Rectangle 10">
            <a:extLst>
              <a:ext uri="{FF2B5EF4-FFF2-40B4-BE49-F238E27FC236}">
                <a16:creationId xmlns:a16="http://schemas.microsoft.com/office/drawing/2014/main" id="{D25FAC04-6355-ACC2-E01C-F02F43FAC4E0}"/>
              </a:ext>
            </a:extLst>
          </p:cNvPr>
          <p:cNvSpPr/>
          <p:nvPr/>
        </p:nvSpPr>
        <p:spPr>
          <a:xfrm>
            <a:off x="1880150" y="1947707"/>
            <a:ext cx="3527155" cy="1861905"/>
          </a:xfrm>
          <a:prstGeom prst="roundRect">
            <a:avLst/>
          </a:prstGeom>
          <a:solidFill>
            <a:schemeClr val="accent1">
              <a:alpha val="14520"/>
            </a:schemeClr>
          </a:solidFill>
          <a:ln>
            <a:prstDash val="sysDot"/>
            <a:extLst>
              <a:ext uri="{C807C97D-BFC1-408E-A445-0C87EB9F89A2}">
                <ask:lineSketchStyleProps xmlns:ask="http://schemas.microsoft.com/office/drawing/2018/sketchyshapes" sd="1219033472">
                  <a:custGeom>
                    <a:avLst/>
                    <a:gdLst>
                      <a:gd name="connsiteX0" fmla="*/ 0 w 3353453"/>
                      <a:gd name="connsiteY0" fmla="*/ 310324 h 1861905"/>
                      <a:gd name="connsiteX1" fmla="*/ 310324 w 3353453"/>
                      <a:gd name="connsiteY1" fmla="*/ 0 h 1861905"/>
                      <a:gd name="connsiteX2" fmla="*/ 3043129 w 3353453"/>
                      <a:gd name="connsiteY2" fmla="*/ 0 h 1861905"/>
                      <a:gd name="connsiteX3" fmla="*/ 3353453 w 3353453"/>
                      <a:gd name="connsiteY3" fmla="*/ 310324 h 1861905"/>
                      <a:gd name="connsiteX4" fmla="*/ 3353453 w 3353453"/>
                      <a:gd name="connsiteY4" fmla="*/ 1551581 h 1861905"/>
                      <a:gd name="connsiteX5" fmla="*/ 3043129 w 3353453"/>
                      <a:gd name="connsiteY5" fmla="*/ 1861905 h 1861905"/>
                      <a:gd name="connsiteX6" fmla="*/ 310324 w 3353453"/>
                      <a:gd name="connsiteY6" fmla="*/ 1861905 h 1861905"/>
                      <a:gd name="connsiteX7" fmla="*/ 0 w 3353453"/>
                      <a:gd name="connsiteY7" fmla="*/ 1551581 h 1861905"/>
                      <a:gd name="connsiteX8" fmla="*/ 0 w 3353453"/>
                      <a:gd name="connsiteY8" fmla="*/ 310324 h 18619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353453" h="1861905" fill="none" extrusionOk="0">
                        <a:moveTo>
                          <a:pt x="0" y="310324"/>
                        </a:moveTo>
                        <a:cubicBezTo>
                          <a:pt x="-4845" y="138153"/>
                          <a:pt x="161192" y="18200"/>
                          <a:pt x="310324" y="0"/>
                        </a:cubicBezTo>
                        <a:cubicBezTo>
                          <a:pt x="1350766" y="130954"/>
                          <a:pt x="2447444" y="43574"/>
                          <a:pt x="3043129" y="0"/>
                        </a:cubicBezTo>
                        <a:cubicBezTo>
                          <a:pt x="3231872" y="26734"/>
                          <a:pt x="3362895" y="150503"/>
                          <a:pt x="3353453" y="310324"/>
                        </a:cubicBezTo>
                        <a:cubicBezTo>
                          <a:pt x="3293902" y="461889"/>
                          <a:pt x="3248764" y="1280565"/>
                          <a:pt x="3353453" y="1551581"/>
                        </a:cubicBezTo>
                        <a:cubicBezTo>
                          <a:pt x="3341257" y="1724971"/>
                          <a:pt x="3199022" y="1851215"/>
                          <a:pt x="3043129" y="1861905"/>
                        </a:cubicBezTo>
                        <a:cubicBezTo>
                          <a:pt x="2363536" y="2017102"/>
                          <a:pt x="735777" y="2024925"/>
                          <a:pt x="310324" y="1861905"/>
                        </a:cubicBezTo>
                        <a:cubicBezTo>
                          <a:pt x="139676" y="1851904"/>
                          <a:pt x="-2834" y="1724623"/>
                          <a:pt x="0" y="1551581"/>
                        </a:cubicBezTo>
                        <a:cubicBezTo>
                          <a:pt x="37623" y="1415071"/>
                          <a:pt x="111036" y="733785"/>
                          <a:pt x="0" y="310324"/>
                        </a:cubicBezTo>
                        <a:close/>
                      </a:path>
                      <a:path w="3353453" h="1861905" stroke="0" extrusionOk="0">
                        <a:moveTo>
                          <a:pt x="0" y="310324"/>
                        </a:moveTo>
                        <a:cubicBezTo>
                          <a:pt x="-2277" y="137533"/>
                          <a:pt x="116201" y="8533"/>
                          <a:pt x="310324" y="0"/>
                        </a:cubicBezTo>
                        <a:cubicBezTo>
                          <a:pt x="1330115" y="132882"/>
                          <a:pt x="1876126" y="-84951"/>
                          <a:pt x="3043129" y="0"/>
                        </a:cubicBezTo>
                        <a:cubicBezTo>
                          <a:pt x="3197476" y="16640"/>
                          <a:pt x="3349867" y="158759"/>
                          <a:pt x="3353453" y="310324"/>
                        </a:cubicBezTo>
                        <a:cubicBezTo>
                          <a:pt x="3276387" y="724965"/>
                          <a:pt x="3369081" y="1393731"/>
                          <a:pt x="3353453" y="1551581"/>
                        </a:cubicBezTo>
                        <a:cubicBezTo>
                          <a:pt x="3370112" y="1724944"/>
                          <a:pt x="3227915" y="1834329"/>
                          <a:pt x="3043129" y="1861905"/>
                        </a:cubicBezTo>
                        <a:cubicBezTo>
                          <a:pt x="2593025" y="1949544"/>
                          <a:pt x="1471724" y="1789226"/>
                          <a:pt x="310324" y="1861905"/>
                        </a:cubicBezTo>
                        <a:cubicBezTo>
                          <a:pt x="135979" y="1833701"/>
                          <a:pt x="-15616" y="1744670"/>
                          <a:pt x="0" y="1551581"/>
                        </a:cubicBezTo>
                        <a:cubicBezTo>
                          <a:pt x="-36531" y="1312543"/>
                          <a:pt x="69328" y="613835"/>
                          <a:pt x="0" y="310324"/>
                        </a:cubicBezTo>
                        <a:close/>
                      </a:path>
                    </a:pathLst>
                  </a:custGeom>
                  <ask:type>
                    <ask:lineSketchNone/>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en-GB" sz="1100" b="1" dirty="0">
                <a:solidFill>
                  <a:schemeClr val="tx1"/>
                </a:solidFill>
              </a:rPr>
              <a:t>Matching algorithm:</a:t>
            </a:r>
          </a:p>
          <a:p>
            <a:r>
              <a:rPr lang="en-GB" sz="1100" dirty="0">
                <a:solidFill>
                  <a:schemeClr val="tx1"/>
                </a:solidFill>
              </a:rPr>
              <a:t>Match similar users from A and B based on similar posting behaviour, including:</a:t>
            </a:r>
          </a:p>
          <a:p>
            <a:pPr marL="171450" indent="-171450">
              <a:buFontTx/>
              <a:buChar char="-"/>
            </a:pPr>
            <a:r>
              <a:rPr lang="en-GB" sz="1100" dirty="0">
                <a:solidFill>
                  <a:schemeClr val="tx1"/>
                </a:solidFill>
              </a:rPr>
              <a:t>Activity time </a:t>
            </a:r>
          </a:p>
          <a:p>
            <a:pPr marL="171450" indent="-171450">
              <a:buFontTx/>
              <a:buChar char="-"/>
            </a:pPr>
            <a:r>
              <a:rPr lang="en-GB" sz="1100" dirty="0">
                <a:solidFill>
                  <a:schemeClr val="tx1"/>
                </a:solidFill>
              </a:rPr>
              <a:t>Number of posts, submissions and subreddits</a:t>
            </a:r>
          </a:p>
          <a:p>
            <a:pPr marL="171450" indent="-171450">
              <a:buFontTx/>
              <a:buChar char="-"/>
            </a:pPr>
            <a:endParaRPr lang="en-GB" sz="1100" dirty="0">
              <a:solidFill>
                <a:schemeClr val="tx1"/>
              </a:solidFill>
            </a:endParaRPr>
          </a:p>
          <a:p>
            <a:r>
              <a:rPr lang="en-GB" sz="1100" b="1" dirty="0">
                <a:solidFill>
                  <a:schemeClr val="tx1"/>
                </a:solidFill>
              </a:rPr>
              <a:t>Compute user embedding:</a:t>
            </a:r>
          </a:p>
          <a:p>
            <a:r>
              <a:rPr lang="en-GB" sz="1100" dirty="0">
                <a:solidFill>
                  <a:srgbClr val="00802F"/>
                </a:solidFill>
              </a:rPr>
              <a:t>[user community frequency] x [community embedding]</a:t>
            </a:r>
          </a:p>
          <a:p>
            <a:br>
              <a:rPr lang="en-GB" sz="1100" dirty="0">
                <a:solidFill>
                  <a:schemeClr val="tx1"/>
                </a:solidFill>
              </a:rPr>
            </a:br>
            <a:endParaRPr lang="en-GB" sz="1100" dirty="0">
              <a:solidFill>
                <a:schemeClr val="tx1"/>
              </a:solidFill>
            </a:endParaRPr>
          </a:p>
        </p:txBody>
      </p:sp>
      <mc:AlternateContent xmlns:mc="http://schemas.openxmlformats.org/markup-compatibility/2006">
        <mc:Choice xmlns:a14="http://schemas.microsoft.com/office/drawing/2010/main" Requires="a14">
          <p:sp>
            <p:nvSpPr>
              <p:cNvPr id="12" name="Rounded Rectangle 11">
                <a:extLst>
                  <a:ext uri="{FF2B5EF4-FFF2-40B4-BE49-F238E27FC236}">
                    <a16:creationId xmlns:a16="http://schemas.microsoft.com/office/drawing/2014/main" id="{818AF0B3-A0A6-4EC5-ECAF-3EE1F4116A69}"/>
                  </a:ext>
                </a:extLst>
              </p:cNvPr>
              <p:cNvSpPr/>
              <p:nvPr/>
            </p:nvSpPr>
            <p:spPr>
              <a:xfrm>
                <a:off x="5708513" y="2467637"/>
                <a:ext cx="1564463" cy="83163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b"/>
              <a:lstStyle/>
              <a:p>
                <a:pPr/>
                <a14:m>
                  <m:oMathPara xmlns:m="http://schemas.openxmlformats.org/officeDocument/2006/math">
                    <m:oMathParaPr>
                      <m:jc m:val="centerGroup"/>
                    </m:oMathParaPr>
                    <m:oMath xmlns:m="http://schemas.openxmlformats.org/officeDocument/2006/math">
                      <m:r>
                        <a:rPr lang="en-GB" sz="1100" b="0" i="1" smtClean="0">
                          <a:solidFill>
                            <a:schemeClr val="tx1"/>
                          </a:solidFill>
                          <a:latin typeface="Cambria Math" panose="02040503050406030204" pitchFamily="18" charset="0"/>
                        </a:rPr>
                        <m:t>𝑠𝑖𝑚</m:t>
                      </m:r>
                      <m:d>
                        <m:dPr>
                          <m:ctrlPr>
                            <a:rPr lang="en-GB" sz="1100" b="0" i="1" smtClean="0">
                              <a:solidFill>
                                <a:schemeClr val="tx1"/>
                              </a:solidFill>
                              <a:latin typeface="Cambria Math" panose="02040503050406030204" pitchFamily="18" charset="0"/>
                            </a:rPr>
                          </m:ctrlPr>
                        </m:dPr>
                        <m:e>
                          <m:r>
                            <a:rPr lang="en-GB" sz="1100" b="0" i="1" smtClean="0">
                              <a:solidFill>
                                <a:schemeClr val="tx1"/>
                              </a:solidFill>
                              <a:latin typeface="Cambria Math" panose="02040503050406030204" pitchFamily="18" charset="0"/>
                            </a:rPr>
                            <m:t>𝐴</m:t>
                          </m:r>
                          <m:r>
                            <a:rPr lang="en-GB" sz="1100" b="0" i="1" smtClean="0">
                              <a:solidFill>
                                <a:schemeClr val="tx1"/>
                              </a:solidFill>
                              <a:latin typeface="Cambria Math" panose="02040503050406030204" pitchFamily="18" charset="0"/>
                            </a:rPr>
                            <m:t>,</m:t>
                          </m:r>
                          <m:r>
                            <a:rPr lang="en-GB" sz="1100" b="0" i="1" smtClean="0">
                              <a:solidFill>
                                <a:schemeClr val="tx1"/>
                              </a:solidFill>
                              <a:latin typeface="Cambria Math" panose="02040503050406030204" pitchFamily="18" charset="0"/>
                            </a:rPr>
                            <m:t>𝐵</m:t>
                          </m:r>
                        </m:e>
                      </m:d>
                      <m:r>
                        <a:rPr lang="en-GB" sz="1100" b="0" i="1" smtClean="0">
                          <a:solidFill>
                            <a:schemeClr val="tx1"/>
                          </a:solidFill>
                          <a:latin typeface="Cambria Math" panose="02040503050406030204" pitchFamily="18" charset="0"/>
                        </a:rPr>
                        <m:t>= </m:t>
                      </m:r>
                      <m:f>
                        <m:fPr>
                          <m:ctrlPr>
                            <a:rPr lang="en-GB" sz="1100" b="0" i="1" smtClean="0">
                              <a:solidFill>
                                <a:schemeClr val="tx1"/>
                              </a:solidFill>
                              <a:latin typeface="Cambria Math" panose="02040503050406030204" pitchFamily="18" charset="0"/>
                            </a:rPr>
                          </m:ctrlPr>
                        </m:fPr>
                        <m:num>
                          <m:r>
                            <a:rPr lang="en-GB" sz="1100" b="0" i="1" smtClean="0">
                              <a:solidFill>
                                <a:schemeClr val="tx1"/>
                              </a:solidFill>
                              <a:latin typeface="Cambria Math" panose="02040503050406030204" pitchFamily="18" charset="0"/>
                            </a:rPr>
                            <m:t>𝐴</m:t>
                          </m:r>
                          <m:r>
                            <a:rPr lang="en-GB" sz="1100" b="0" i="1" smtClean="0">
                              <a:solidFill>
                                <a:schemeClr val="tx1"/>
                              </a:solidFill>
                              <a:latin typeface="Cambria Math" panose="02040503050406030204" pitchFamily="18" charset="0"/>
                              <a:ea typeface="Cambria Math" panose="02040503050406030204" pitchFamily="18" charset="0"/>
                            </a:rPr>
                            <m:t>∙</m:t>
                          </m:r>
                          <m:r>
                            <a:rPr lang="en-GB" sz="1100" b="0" i="1" smtClean="0">
                              <a:solidFill>
                                <a:schemeClr val="tx1"/>
                              </a:solidFill>
                              <a:latin typeface="Cambria Math" panose="02040503050406030204" pitchFamily="18" charset="0"/>
                              <a:ea typeface="Cambria Math" panose="02040503050406030204" pitchFamily="18" charset="0"/>
                            </a:rPr>
                            <m:t>𝐵</m:t>
                          </m:r>
                        </m:num>
                        <m:den>
                          <m:r>
                            <a:rPr lang="en-GB" sz="1100" i="1">
                              <a:solidFill>
                                <a:schemeClr val="tx1"/>
                              </a:solidFill>
                              <a:latin typeface="Cambria Math" panose="02040503050406030204" pitchFamily="18" charset="0"/>
                            </a:rPr>
                            <m:t>‖</m:t>
                          </m:r>
                          <m:r>
                            <a:rPr lang="en-GB" sz="1100" b="0" i="1" smtClean="0">
                              <a:solidFill>
                                <a:schemeClr val="tx1"/>
                              </a:solidFill>
                              <a:latin typeface="Cambria Math" panose="02040503050406030204" pitchFamily="18" charset="0"/>
                            </a:rPr>
                            <m:t>𝐴</m:t>
                          </m:r>
                          <m:r>
                            <a:rPr lang="en-GB" sz="1100" i="1">
                              <a:solidFill>
                                <a:schemeClr val="tx1"/>
                              </a:solidFill>
                              <a:latin typeface="Cambria Math" panose="02040503050406030204" pitchFamily="18" charset="0"/>
                            </a:rPr>
                            <m:t>‖‖</m:t>
                          </m:r>
                          <m:r>
                            <a:rPr lang="en-GB" sz="1100" b="0" i="1" smtClean="0">
                              <a:solidFill>
                                <a:schemeClr val="tx1"/>
                              </a:solidFill>
                              <a:latin typeface="Cambria Math" panose="02040503050406030204" pitchFamily="18" charset="0"/>
                            </a:rPr>
                            <m:t>𝐵</m:t>
                          </m:r>
                          <m:r>
                            <a:rPr lang="en-GB" sz="1100" i="1">
                              <a:solidFill>
                                <a:schemeClr val="tx1"/>
                              </a:solidFill>
                              <a:latin typeface="Cambria Math" panose="02040503050406030204" pitchFamily="18" charset="0"/>
                            </a:rPr>
                            <m:t>‖</m:t>
                          </m:r>
                        </m:den>
                      </m:f>
                    </m:oMath>
                  </m:oMathPara>
                </a14:m>
                <a:endParaRPr lang="en-GB" sz="1100" dirty="0">
                  <a:solidFill>
                    <a:schemeClr val="tx1"/>
                  </a:solidFill>
                </a:endParaRPr>
              </a:p>
            </p:txBody>
          </p:sp>
        </mc:Choice>
        <mc:Fallback>
          <p:sp>
            <p:nvSpPr>
              <p:cNvPr id="12" name="Rounded Rectangle 11">
                <a:extLst>
                  <a:ext uri="{FF2B5EF4-FFF2-40B4-BE49-F238E27FC236}">
                    <a16:creationId xmlns:a16="http://schemas.microsoft.com/office/drawing/2014/main" id="{818AF0B3-A0A6-4EC5-ECAF-3EE1F4116A69}"/>
                  </a:ext>
                </a:extLst>
              </p:cNvPr>
              <p:cNvSpPr>
                <a:spLocks noRot="1" noChangeAspect="1" noMove="1" noResize="1" noEditPoints="1" noAdjustHandles="1" noChangeArrowheads="1" noChangeShapeType="1" noTextEdit="1"/>
              </p:cNvSpPr>
              <p:nvPr/>
            </p:nvSpPr>
            <p:spPr>
              <a:xfrm>
                <a:off x="5708513" y="2467637"/>
                <a:ext cx="1564463" cy="831632"/>
              </a:xfrm>
              <a:prstGeom prst="roundRect">
                <a:avLst/>
              </a:prstGeom>
              <a:blipFill>
                <a:blip r:embed="rId7"/>
                <a:stretch>
                  <a:fillRect/>
                </a:stretch>
              </a:blipFill>
            </p:spPr>
            <p:txBody>
              <a:bodyPr/>
              <a:lstStyle/>
              <a:p>
                <a:r>
                  <a:rPr lang="en-US">
                    <a:noFill/>
                  </a:rPr>
                  <a:t> </a:t>
                </a:r>
              </a:p>
            </p:txBody>
          </p:sp>
        </mc:Fallback>
      </mc:AlternateContent>
      <p:sp>
        <p:nvSpPr>
          <p:cNvPr id="13" name="Rounded Rectangle 12">
            <a:extLst>
              <a:ext uri="{FF2B5EF4-FFF2-40B4-BE49-F238E27FC236}">
                <a16:creationId xmlns:a16="http://schemas.microsoft.com/office/drawing/2014/main" id="{833438AD-227E-958A-E782-7B82B7F47650}"/>
              </a:ext>
            </a:extLst>
          </p:cNvPr>
          <p:cNvSpPr/>
          <p:nvPr/>
        </p:nvSpPr>
        <p:spPr>
          <a:xfrm>
            <a:off x="7574184" y="1626417"/>
            <a:ext cx="1220167" cy="841220"/>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de-DE" sz="1100" b="1" dirty="0">
                <a:solidFill>
                  <a:schemeClr val="tx1"/>
                </a:solidFill>
              </a:rPr>
              <a:t>Group US:</a:t>
            </a:r>
          </a:p>
          <a:p>
            <a:r>
              <a:rPr lang="en-GB" sz="1000" i="1" dirty="0">
                <a:solidFill>
                  <a:schemeClr val="tx1"/>
                </a:solidFill>
              </a:rPr>
              <a:t>Unreliable sharers</a:t>
            </a:r>
          </a:p>
          <a:p>
            <a:r>
              <a:rPr lang="en-GB" sz="1100" dirty="0">
                <a:solidFill>
                  <a:schemeClr val="tx1"/>
                </a:solidFill>
              </a:rPr>
              <a:t>3,998 users</a:t>
            </a:r>
          </a:p>
        </p:txBody>
      </p:sp>
      <p:sp>
        <p:nvSpPr>
          <p:cNvPr id="14" name="Rounded Rectangle 13">
            <a:extLst>
              <a:ext uri="{FF2B5EF4-FFF2-40B4-BE49-F238E27FC236}">
                <a16:creationId xmlns:a16="http://schemas.microsoft.com/office/drawing/2014/main" id="{AB871931-0797-1BF8-E70C-36AB7AADF66D}"/>
              </a:ext>
            </a:extLst>
          </p:cNvPr>
          <p:cNvSpPr/>
          <p:nvPr/>
        </p:nvSpPr>
        <p:spPr>
          <a:xfrm>
            <a:off x="7574184" y="3178992"/>
            <a:ext cx="1220167" cy="841220"/>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de-DE" sz="1100" b="1" dirty="0">
                <a:solidFill>
                  <a:schemeClr val="tx1"/>
                </a:solidFill>
              </a:rPr>
              <a:t>Group RS:</a:t>
            </a:r>
          </a:p>
          <a:p>
            <a:r>
              <a:rPr lang="en-GB" sz="1000" i="1" dirty="0">
                <a:solidFill>
                  <a:schemeClr val="tx1"/>
                </a:solidFill>
              </a:rPr>
              <a:t>Reliable sharers</a:t>
            </a:r>
            <a:endParaRPr lang="de-DE" sz="1100" b="1" dirty="0">
              <a:solidFill>
                <a:schemeClr val="tx1"/>
              </a:solidFill>
            </a:endParaRPr>
          </a:p>
          <a:p>
            <a:r>
              <a:rPr lang="de-DE" sz="1100" dirty="0">
                <a:solidFill>
                  <a:schemeClr val="tx1"/>
                </a:solidFill>
              </a:rPr>
              <a:t>3,469 </a:t>
            </a:r>
            <a:r>
              <a:rPr lang="en-GB" sz="1100" dirty="0">
                <a:solidFill>
                  <a:schemeClr val="tx1"/>
                </a:solidFill>
              </a:rPr>
              <a:t>users</a:t>
            </a:r>
          </a:p>
        </p:txBody>
      </p:sp>
      <p:cxnSp>
        <p:nvCxnSpPr>
          <p:cNvPr id="16" name="Straight Arrow Connector 15">
            <a:extLst>
              <a:ext uri="{FF2B5EF4-FFF2-40B4-BE49-F238E27FC236}">
                <a16:creationId xmlns:a16="http://schemas.microsoft.com/office/drawing/2014/main" id="{048D6E0B-82AB-54F1-5C3D-8917F3837917}"/>
              </a:ext>
            </a:extLst>
          </p:cNvPr>
          <p:cNvCxnSpPr>
            <a:stCxn id="6" idx="3"/>
            <a:endCxn id="11" idx="1"/>
          </p:cNvCxnSpPr>
          <p:nvPr/>
        </p:nvCxnSpPr>
        <p:spPr>
          <a:xfrm>
            <a:off x="1578942" y="2047027"/>
            <a:ext cx="301208" cy="831633"/>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3534A710-2438-C127-60A6-1F0EA141CEB1}"/>
              </a:ext>
            </a:extLst>
          </p:cNvPr>
          <p:cNvCxnSpPr>
            <a:stCxn id="9" idx="3"/>
            <a:endCxn id="11" idx="1"/>
          </p:cNvCxnSpPr>
          <p:nvPr/>
        </p:nvCxnSpPr>
        <p:spPr>
          <a:xfrm flipV="1">
            <a:off x="1578942" y="2878660"/>
            <a:ext cx="301208" cy="720942"/>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20" name="Straight Arrow Connector 19">
            <a:extLst>
              <a:ext uri="{FF2B5EF4-FFF2-40B4-BE49-F238E27FC236}">
                <a16:creationId xmlns:a16="http://schemas.microsoft.com/office/drawing/2014/main" id="{B4542510-8A9F-54D2-65F5-692EB9DACE37}"/>
              </a:ext>
            </a:extLst>
          </p:cNvPr>
          <p:cNvCxnSpPr>
            <a:stCxn id="11" idx="3"/>
            <a:endCxn id="12" idx="1"/>
          </p:cNvCxnSpPr>
          <p:nvPr/>
        </p:nvCxnSpPr>
        <p:spPr>
          <a:xfrm>
            <a:off x="5407305" y="2878660"/>
            <a:ext cx="301208" cy="4793"/>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22" name="Straight Arrow Connector 21">
            <a:extLst>
              <a:ext uri="{FF2B5EF4-FFF2-40B4-BE49-F238E27FC236}">
                <a16:creationId xmlns:a16="http://schemas.microsoft.com/office/drawing/2014/main" id="{7EE07E01-D10B-38E1-972D-40043DBDB428}"/>
              </a:ext>
            </a:extLst>
          </p:cNvPr>
          <p:cNvCxnSpPr>
            <a:stCxn id="12" idx="3"/>
            <a:endCxn id="13" idx="1"/>
          </p:cNvCxnSpPr>
          <p:nvPr/>
        </p:nvCxnSpPr>
        <p:spPr>
          <a:xfrm flipV="1">
            <a:off x="7272976" y="2047027"/>
            <a:ext cx="301208" cy="836426"/>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24" name="Straight Arrow Connector 23">
            <a:extLst>
              <a:ext uri="{FF2B5EF4-FFF2-40B4-BE49-F238E27FC236}">
                <a16:creationId xmlns:a16="http://schemas.microsoft.com/office/drawing/2014/main" id="{010B791B-CD72-45BE-2C57-7EC2E9C3D41D}"/>
              </a:ext>
            </a:extLst>
          </p:cNvPr>
          <p:cNvCxnSpPr>
            <a:stCxn id="12" idx="3"/>
            <a:endCxn id="14" idx="1"/>
          </p:cNvCxnSpPr>
          <p:nvPr/>
        </p:nvCxnSpPr>
        <p:spPr>
          <a:xfrm>
            <a:off x="7272976" y="2883453"/>
            <a:ext cx="301208" cy="716149"/>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5" name="TextBox 4">
            <a:extLst>
              <a:ext uri="{FF2B5EF4-FFF2-40B4-BE49-F238E27FC236}">
                <a16:creationId xmlns:a16="http://schemas.microsoft.com/office/drawing/2014/main" id="{2F675775-B491-2699-6A1D-74C37F4314DF}"/>
              </a:ext>
            </a:extLst>
          </p:cNvPr>
          <p:cNvSpPr txBox="1"/>
          <p:nvPr/>
        </p:nvSpPr>
        <p:spPr>
          <a:xfrm>
            <a:off x="5708513" y="2469281"/>
            <a:ext cx="4572000" cy="261610"/>
          </a:xfrm>
          <a:prstGeom prst="rect">
            <a:avLst/>
          </a:prstGeom>
          <a:noFill/>
        </p:spPr>
        <p:txBody>
          <a:bodyPr wrap="square">
            <a:spAutoFit/>
          </a:bodyPr>
          <a:lstStyle/>
          <a:p>
            <a:r>
              <a:rPr lang="en-GB" sz="1100" b="1" dirty="0">
                <a:solidFill>
                  <a:schemeClr val="tx1"/>
                </a:solidFill>
              </a:rPr>
              <a:t>Cosine similarity:</a:t>
            </a:r>
          </a:p>
        </p:txBody>
      </p:sp>
    </p:spTree>
    <p:custDataLst>
      <p:custData r:id="rId1"/>
      <p:custData r:id="rId2"/>
    </p:custDataLst>
    <p:extLst>
      <p:ext uri="{BB962C8B-B14F-4D97-AF65-F5344CB8AC3E}">
        <p14:creationId xmlns:p14="http://schemas.microsoft.com/office/powerpoint/2010/main" val="693032667"/>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EF9789A-4335-4577-AF25-1CB52F39AA43}"/>
              </a:ext>
            </a:extLst>
          </p:cNvPr>
          <p:cNvSpPr>
            <a:spLocks noGrp="1"/>
          </p:cNvSpPr>
          <p:nvPr>
            <p:ph type="title"/>
          </p:nvPr>
        </p:nvSpPr>
        <p:spPr>
          <a:xfrm>
            <a:off x="358775" y="376238"/>
            <a:ext cx="8426450" cy="609662"/>
          </a:xfrm>
        </p:spPr>
        <p:txBody>
          <a:bodyPr/>
          <a:lstStyle/>
          <a:p>
            <a:r>
              <a:rPr lang="en-GB" sz="2000" dirty="0" err="1"/>
              <a:t>Preprocessing</a:t>
            </a:r>
            <a:r>
              <a:rPr lang="en-GB" sz="2000" dirty="0"/>
              <a:t> and feature engineering</a:t>
            </a:r>
            <a:endParaRPr lang="en-GB" dirty="0"/>
          </a:p>
        </p:txBody>
      </p:sp>
      <p:sp>
        <p:nvSpPr>
          <p:cNvPr id="6" name="TextBox 5">
            <a:extLst>
              <a:ext uri="{FF2B5EF4-FFF2-40B4-BE49-F238E27FC236}">
                <a16:creationId xmlns:a16="http://schemas.microsoft.com/office/drawing/2014/main" id="{7EA091A7-AC7E-7BCC-76C6-243FDAA2856B}"/>
              </a:ext>
            </a:extLst>
          </p:cNvPr>
          <p:cNvSpPr txBox="1"/>
          <p:nvPr/>
        </p:nvSpPr>
        <p:spPr>
          <a:xfrm>
            <a:off x="358776" y="915248"/>
            <a:ext cx="3914122" cy="1569660"/>
          </a:xfrm>
          <a:prstGeom prst="rect">
            <a:avLst/>
          </a:prstGeom>
          <a:noFill/>
        </p:spPr>
        <p:txBody>
          <a:bodyPr wrap="square" numCol="1" rtlCol="0" anchor="ctr">
            <a:spAutoFit/>
          </a:bodyPr>
          <a:lstStyle/>
          <a:p>
            <a:pPr marL="285750" indent="-285750">
              <a:buFont typeface="Arial" panose="020B0604020202020204" pitchFamily="34" charset="0"/>
              <a:buChar char="•"/>
            </a:pPr>
            <a:r>
              <a:rPr lang="en-GB" sz="1600" dirty="0"/>
              <a:t>Remove comment to news submission</a:t>
            </a:r>
            <a:endParaRPr lang="en-GB" sz="1600" i="1" dirty="0">
              <a:solidFill>
                <a:srgbClr val="333333"/>
              </a:solidFill>
              <a:latin typeface="-apple-system"/>
            </a:endParaRPr>
          </a:p>
          <a:p>
            <a:endParaRPr lang="en-GB" sz="1600" i="1" dirty="0">
              <a:solidFill>
                <a:srgbClr val="333333"/>
              </a:solidFill>
              <a:latin typeface="-apple-system"/>
            </a:endParaRPr>
          </a:p>
          <a:p>
            <a:pPr marL="285750" indent="-285750">
              <a:buFont typeface="Arial" panose="020B0604020202020204" pitchFamily="34" charset="0"/>
              <a:buChar char="•"/>
            </a:pPr>
            <a:r>
              <a:rPr lang="en-GB" sz="1600" dirty="0"/>
              <a:t>Split users' activities in 12-month period:</a:t>
            </a:r>
          </a:p>
          <a:p>
            <a:pPr marL="628650" lvl="1" indent="-285750">
              <a:buFont typeface="Arial" panose="020B0604020202020204" pitchFamily="34" charset="0"/>
              <a:buChar char="•"/>
            </a:pPr>
            <a:r>
              <a:rPr lang="en-GB" sz="1600" dirty="0"/>
              <a:t>US</a:t>
            </a:r>
            <a:r>
              <a:rPr lang="en-GB" sz="1600" baseline="-25000" dirty="0"/>
              <a:t>t0</a:t>
            </a:r>
            <a:r>
              <a:rPr lang="en-GB" sz="1600" dirty="0"/>
              <a:t> : first unreliable submission</a:t>
            </a:r>
          </a:p>
          <a:p>
            <a:pPr marL="628650" lvl="1" indent="-285750">
              <a:buFont typeface="Arial" panose="020B0604020202020204" pitchFamily="34" charset="0"/>
              <a:buChar char="•"/>
            </a:pPr>
            <a:r>
              <a:rPr lang="en-GB" sz="1600" dirty="0"/>
              <a:t>RS</a:t>
            </a:r>
            <a:r>
              <a:rPr lang="en-GB" sz="1600" baseline="-25000" dirty="0"/>
              <a:t>t0</a:t>
            </a:r>
            <a:r>
              <a:rPr lang="en-GB" sz="1600" dirty="0"/>
              <a:t> : </a:t>
            </a:r>
            <a:r>
              <a:rPr lang="en-GB" sz="1600" i="1" dirty="0"/>
              <a:t>T</a:t>
            </a:r>
            <a:r>
              <a:rPr lang="en-GB" sz="1600" i="1" baseline="-25000" dirty="0"/>
              <a:t>0</a:t>
            </a:r>
            <a:r>
              <a:rPr lang="en-GB" sz="1600" dirty="0"/>
              <a:t> of similar matched MS </a:t>
            </a:r>
          </a:p>
          <a:p>
            <a:endParaRPr lang="en-GB" sz="1600" dirty="0"/>
          </a:p>
        </p:txBody>
      </p:sp>
      <mc:AlternateContent xmlns:mc="http://schemas.openxmlformats.org/markup-compatibility/2006">
        <mc:Choice xmlns:a14="http://schemas.microsoft.com/office/drawing/2010/main" Requires="a14">
          <p:sp>
            <p:nvSpPr>
              <p:cNvPr id="7" name="Rounded Rectangle 6">
                <a:extLst>
                  <a:ext uri="{FF2B5EF4-FFF2-40B4-BE49-F238E27FC236}">
                    <a16:creationId xmlns:a16="http://schemas.microsoft.com/office/drawing/2014/main" id="{BBB9DD80-DB7F-24D5-AAC6-9CFC37B41E54}"/>
                  </a:ext>
                </a:extLst>
              </p:cNvPr>
              <p:cNvSpPr/>
              <p:nvPr/>
            </p:nvSpPr>
            <p:spPr>
              <a:xfrm>
                <a:off x="4473388" y="260459"/>
                <a:ext cx="1592171" cy="60966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r>
                  <a:rPr lang="de-DE" sz="1200" b="1" dirty="0">
                    <a:solidFill>
                      <a:schemeClr val="tx1"/>
                    </a:solidFill>
                  </a:rPr>
                  <a:t>DataFrame1 (DF1)</a:t>
                </a:r>
              </a:p>
              <a:p>
                <a14:m>
                  <m:oMathPara xmlns:m="http://schemas.openxmlformats.org/officeDocument/2006/math">
                    <m:oMathParaPr>
                      <m:jc m:val="centerGroup"/>
                    </m:oMathParaPr>
                    <m:oMath xmlns:m="http://schemas.openxmlformats.org/officeDocument/2006/math">
                      <m:r>
                        <a:rPr lang="en-GB" sz="1100" b="0" i="1" smtClean="0">
                          <a:solidFill>
                            <a:schemeClr val="tx1"/>
                          </a:solidFill>
                          <a:latin typeface="Cambria Math" panose="02040503050406030204" pitchFamily="18" charset="0"/>
                        </a:rPr>
                        <m:t>𝐷𝐹</m:t>
                      </m:r>
                      <m:sSub>
                        <m:sSubPr>
                          <m:ctrlPr>
                            <a:rPr lang="en-GB" sz="1100" b="0" i="1" smtClean="0">
                              <a:solidFill>
                                <a:schemeClr val="tx1"/>
                              </a:solidFill>
                              <a:latin typeface="Cambria Math" panose="02040503050406030204" pitchFamily="18" charset="0"/>
                            </a:rPr>
                          </m:ctrlPr>
                        </m:sSubPr>
                        <m:e>
                          <m:r>
                            <a:rPr lang="en-GB" sz="1100" b="0" i="1" smtClean="0">
                              <a:solidFill>
                                <a:schemeClr val="tx1"/>
                              </a:solidFill>
                              <a:latin typeface="Cambria Math" panose="02040503050406030204" pitchFamily="18" charset="0"/>
                            </a:rPr>
                            <m:t>1</m:t>
                          </m:r>
                        </m:e>
                        <m:sub>
                          <m:r>
                            <a:rPr lang="en-GB" sz="1100" b="0" i="1" smtClean="0">
                              <a:solidFill>
                                <a:schemeClr val="tx1"/>
                              </a:solidFill>
                              <a:latin typeface="Cambria Math" panose="02040503050406030204" pitchFamily="18" charset="0"/>
                            </a:rPr>
                            <m:t>𝑡</m:t>
                          </m:r>
                        </m:sub>
                      </m:sSub>
                      <m:r>
                        <a:rPr lang="en-GB" sz="1100" b="0" i="1" smtClean="0">
                          <a:solidFill>
                            <a:schemeClr val="tx1"/>
                          </a:solidFill>
                          <a:latin typeface="Cambria Math" panose="02040503050406030204" pitchFamily="18" charset="0"/>
                          <a:ea typeface="Cambria Math" panose="02040503050406030204" pitchFamily="18" charset="0"/>
                        </a:rPr>
                        <m:t>∈[</m:t>
                      </m:r>
                      <m:sSub>
                        <m:sSubPr>
                          <m:ctrlPr>
                            <a:rPr lang="en-GB" sz="1100" b="0" i="1" smtClean="0">
                              <a:solidFill>
                                <a:schemeClr val="tx1"/>
                              </a:solidFill>
                              <a:latin typeface="Cambria Math" panose="02040503050406030204" pitchFamily="18" charset="0"/>
                              <a:ea typeface="Cambria Math" panose="02040503050406030204" pitchFamily="18" charset="0"/>
                            </a:rPr>
                          </m:ctrlPr>
                        </m:sSubPr>
                        <m:e>
                          <m:r>
                            <a:rPr lang="en-GB" sz="1100" b="0" i="1" smtClean="0">
                              <a:solidFill>
                                <a:schemeClr val="tx1"/>
                              </a:solidFill>
                              <a:latin typeface="Cambria Math" panose="02040503050406030204" pitchFamily="18" charset="0"/>
                              <a:ea typeface="Cambria Math" panose="02040503050406030204" pitchFamily="18" charset="0"/>
                            </a:rPr>
                            <m:t>𝑇</m:t>
                          </m:r>
                        </m:e>
                        <m:sub>
                          <m:r>
                            <a:rPr lang="en-GB" sz="1100" b="0" i="1" smtClean="0">
                              <a:solidFill>
                                <a:schemeClr val="tx1"/>
                              </a:solidFill>
                              <a:latin typeface="Cambria Math" panose="02040503050406030204" pitchFamily="18" charset="0"/>
                              <a:ea typeface="Cambria Math" panose="02040503050406030204" pitchFamily="18" charset="0"/>
                            </a:rPr>
                            <m:t>−1</m:t>
                          </m:r>
                        </m:sub>
                      </m:sSub>
                      <m:r>
                        <a:rPr lang="en-GB" sz="1100" b="0" i="1" smtClean="0">
                          <a:solidFill>
                            <a:schemeClr val="tx1"/>
                          </a:solidFill>
                          <a:latin typeface="Cambria Math" panose="02040503050406030204" pitchFamily="18" charset="0"/>
                          <a:ea typeface="Cambria Math" panose="02040503050406030204" pitchFamily="18" charset="0"/>
                        </a:rPr>
                        <m:t>,</m:t>
                      </m:r>
                      <m:sSub>
                        <m:sSubPr>
                          <m:ctrlPr>
                            <a:rPr lang="en-GB" sz="1100" b="0" i="1" smtClean="0">
                              <a:solidFill>
                                <a:schemeClr val="tx1"/>
                              </a:solidFill>
                              <a:latin typeface="Cambria Math" panose="02040503050406030204" pitchFamily="18" charset="0"/>
                              <a:ea typeface="Cambria Math" panose="02040503050406030204" pitchFamily="18" charset="0"/>
                            </a:rPr>
                          </m:ctrlPr>
                        </m:sSubPr>
                        <m:e>
                          <m:r>
                            <a:rPr lang="en-GB" sz="1100" b="0" i="1" smtClean="0">
                              <a:solidFill>
                                <a:schemeClr val="tx1"/>
                              </a:solidFill>
                              <a:latin typeface="Cambria Math" panose="02040503050406030204" pitchFamily="18" charset="0"/>
                              <a:ea typeface="Cambria Math" panose="02040503050406030204" pitchFamily="18" charset="0"/>
                            </a:rPr>
                            <m:t>𝑇</m:t>
                          </m:r>
                        </m:e>
                        <m:sub>
                          <m:r>
                            <a:rPr lang="en-GB" sz="1100" b="0" i="1" smtClean="0">
                              <a:solidFill>
                                <a:schemeClr val="tx1"/>
                              </a:solidFill>
                              <a:latin typeface="Cambria Math" panose="02040503050406030204" pitchFamily="18" charset="0"/>
                              <a:ea typeface="Cambria Math" panose="02040503050406030204" pitchFamily="18" charset="0"/>
                            </a:rPr>
                            <m:t>0</m:t>
                          </m:r>
                        </m:sub>
                      </m:sSub>
                      <m:r>
                        <a:rPr lang="en-GB" sz="1100" b="0" i="1" smtClean="0">
                          <a:solidFill>
                            <a:schemeClr val="tx1"/>
                          </a:solidFill>
                          <a:latin typeface="Cambria Math" panose="02040503050406030204" pitchFamily="18" charset="0"/>
                          <a:ea typeface="Cambria Math" panose="02040503050406030204" pitchFamily="18" charset="0"/>
                        </a:rPr>
                        <m:t>]</m:t>
                      </m:r>
                    </m:oMath>
                  </m:oMathPara>
                </a14:m>
                <a:endParaRPr lang="de-DE" sz="1100" dirty="0">
                  <a:solidFill>
                    <a:schemeClr val="tx1"/>
                  </a:solidFill>
                </a:endParaRPr>
              </a:p>
              <a:p>
                <a:endParaRPr lang="en-GB" sz="1100" dirty="0">
                  <a:solidFill>
                    <a:schemeClr val="tx1"/>
                  </a:solidFill>
                </a:endParaRPr>
              </a:p>
            </p:txBody>
          </p:sp>
        </mc:Choice>
        <mc:Fallback>
          <p:sp>
            <p:nvSpPr>
              <p:cNvPr id="7" name="Rounded Rectangle 6">
                <a:extLst>
                  <a:ext uri="{FF2B5EF4-FFF2-40B4-BE49-F238E27FC236}">
                    <a16:creationId xmlns:a16="http://schemas.microsoft.com/office/drawing/2014/main" id="{BBB9DD80-DB7F-24D5-AAC6-9CFC37B41E54}"/>
                  </a:ext>
                </a:extLst>
              </p:cNvPr>
              <p:cNvSpPr>
                <a:spLocks noRot="1" noChangeAspect="1" noMove="1" noResize="1" noEditPoints="1" noAdjustHandles="1" noChangeArrowheads="1" noChangeShapeType="1" noTextEdit="1"/>
              </p:cNvSpPr>
              <p:nvPr/>
            </p:nvSpPr>
            <p:spPr>
              <a:xfrm>
                <a:off x="4473388" y="260459"/>
                <a:ext cx="1592171" cy="609662"/>
              </a:xfrm>
              <a:prstGeom prst="roundRect">
                <a:avLst/>
              </a:prstGeom>
              <a:blipFill>
                <a:blip r:embed="rId5"/>
                <a:stretch>
                  <a:fillRect/>
                </a:stretch>
              </a:blipFill>
            </p:spPr>
            <p:txBody>
              <a:bodyPr/>
              <a:lstStyle/>
              <a:p>
                <a:r>
                  <a:rPr lang="en-US">
                    <a:noFill/>
                  </a:rPr>
                  <a:t> </a:t>
                </a:r>
              </a:p>
            </p:txBody>
          </p:sp>
        </mc:Fallback>
      </mc:AlternateContent>
      <mc:AlternateContent xmlns:mc="http://schemas.openxmlformats.org/markup-compatibility/2006">
        <mc:Choice xmlns:a14="http://schemas.microsoft.com/office/drawing/2010/main" Requires="a14">
          <p:sp>
            <p:nvSpPr>
              <p:cNvPr id="9" name="Rounded Rectangle 8">
                <a:extLst>
                  <a:ext uri="{FF2B5EF4-FFF2-40B4-BE49-F238E27FC236}">
                    <a16:creationId xmlns:a16="http://schemas.microsoft.com/office/drawing/2014/main" id="{9536F6FC-B12C-2C41-8D5A-402D548A2768}"/>
                  </a:ext>
                </a:extLst>
              </p:cNvPr>
              <p:cNvSpPr/>
              <p:nvPr/>
            </p:nvSpPr>
            <p:spPr>
              <a:xfrm>
                <a:off x="4473388" y="1125742"/>
                <a:ext cx="1592171" cy="60966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r>
                  <a:rPr lang="de-DE" sz="1100" b="1" dirty="0">
                    <a:solidFill>
                      <a:schemeClr val="tx1"/>
                    </a:solidFill>
                  </a:rPr>
                  <a:t>DF2</a:t>
                </a:r>
              </a:p>
              <a:p>
                <a:pPr/>
                <a14:m>
                  <m:oMathPara xmlns:m="http://schemas.openxmlformats.org/officeDocument/2006/math">
                    <m:oMathParaPr>
                      <m:jc m:val="centerGroup"/>
                    </m:oMathParaPr>
                    <m:oMath xmlns:m="http://schemas.openxmlformats.org/officeDocument/2006/math">
                      <m:r>
                        <a:rPr lang="en-GB" sz="1100" b="0" i="1" smtClean="0">
                          <a:solidFill>
                            <a:schemeClr val="tx1"/>
                          </a:solidFill>
                          <a:latin typeface="Cambria Math" panose="02040503050406030204" pitchFamily="18" charset="0"/>
                        </a:rPr>
                        <m:t>𝐷𝐹</m:t>
                      </m:r>
                      <m:sSub>
                        <m:sSubPr>
                          <m:ctrlPr>
                            <a:rPr lang="en-GB" sz="1100" b="0" i="1" smtClean="0">
                              <a:solidFill>
                                <a:schemeClr val="tx1"/>
                              </a:solidFill>
                              <a:latin typeface="Cambria Math" panose="02040503050406030204" pitchFamily="18" charset="0"/>
                            </a:rPr>
                          </m:ctrlPr>
                        </m:sSubPr>
                        <m:e>
                          <m:r>
                            <a:rPr lang="en-GB" sz="1100" b="0" i="1" smtClean="0">
                              <a:solidFill>
                                <a:schemeClr val="tx1"/>
                              </a:solidFill>
                              <a:latin typeface="Cambria Math" panose="02040503050406030204" pitchFamily="18" charset="0"/>
                            </a:rPr>
                            <m:t>2</m:t>
                          </m:r>
                        </m:e>
                        <m:sub>
                          <m:r>
                            <a:rPr lang="en-GB" sz="1100" b="0" i="1" smtClean="0">
                              <a:solidFill>
                                <a:schemeClr val="tx1"/>
                              </a:solidFill>
                              <a:latin typeface="Cambria Math" panose="02040503050406030204" pitchFamily="18" charset="0"/>
                            </a:rPr>
                            <m:t>𝑡</m:t>
                          </m:r>
                        </m:sub>
                      </m:sSub>
                      <m:r>
                        <a:rPr lang="en-GB" sz="1100" b="0" i="1" smtClean="0">
                          <a:solidFill>
                            <a:schemeClr val="tx1"/>
                          </a:solidFill>
                          <a:latin typeface="Cambria Math" panose="02040503050406030204" pitchFamily="18" charset="0"/>
                          <a:ea typeface="Cambria Math" panose="02040503050406030204" pitchFamily="18" charset="0"/>
                        </a:rPr>
                        <m:t>∈[</m:t>
                      </m:r>
                      <m:sSub>
                        <m:sSubPr>
                          <m:ctrlPr>
                            <a:rPr lang="en-GB" sz="1100" b="0" i="1" smtClean="0">
                              <a:solidFill>
                                <a:schemeClr val="tx1"/>
                              </a:solidFill>
                              <a:latin typeface="Cambria Math" panose="02040503050406030204" pitchFamily="18" charset="0"/>
                              <a:ea typeface="Cambria Math" panose="02040503050406030204" pitchFamily="18" charset="0"/>
                            </a:rPr>
                          </m:ctrlPr>
                        </m:sSubPr>
                        <m:e>
                          <m:r>
                            <a:rPr lang="en-GB" sz="1100" b="0" i="1" smtClean="0">
                              <a:solidFill>
                                <a:schemeClr val="tx1"/>
                              </a:solidFill>
                              <a:latin typeface="Cambria Math" panose="02040503050406030204" pitchFamily="18" charset="0"/>
                              <a:ea typeface="Cambria Math" panose="02040503050406030204" pitchFamily="18" charset="0"/>
                            </a:rPr>
                            <m:t>𝑇</m:t>
                          </m:r>
                        </m:e>
                        <m:sub>
                          <m:r>
                            <a:rPr lang="en-GB" sz="1100" b="0" i="1" smtClean="0">
                              <a:solidFill>
                                <a:schemeClr val="tx1"/>
                              </a:solidFill>
                              <a:latin typeface="Cambria Math" panose="02040503050406030204" pitchFamily="18" charset="0"/>
                              <a:ea typeface="Cambria Math" panose="02040503050406030204" pitchFamily="18" charset="0"/>
                            </a:rPr>
                            <m:t>−</m:t>
                          </m:r>
                          <m:r>
                            <a:rPr lang="en-GB" sz="1100" b="0" i="1" smtClean="0">
                              <a:solidFill>
                                <a:schemeClr val="tx1"/>
                              </a:solidFill>
                              <a:latin typeface="Cambria Math" panose="02040503050406030204" pitchFamily="18" charset="0"/>
                              <a:ea typeface="Cambria Math" panose="02040503050406030204" pitchFamily="18" charset="0"/>
                            </a:rPr>
                            <m:t>2</m:t>
                          </m:r>
                        </m:sub>
                      </m:sSub>
                      <m:r>
                        <a:rPr lang="en-GB" sz="1100" b="0" i="1" smtClean="0">
                          <a:solidFill>
                            <a:schemeClr val="tx1"/>
                          </a:solidFill>
                          <a:latin typeface="Cambria Math" panose="02040503050406030204" pitchFamily="18" charset="0"/>
                          <a:ea typeface="Cambria Math" panose="02040503050406030204" pitchFamily="18" charset="0"/>
                        </a:rPr>
                        <m:t>,</m:t>
                      </m:r>
                      <m:sSub>
                        <m:sSubPr>
                          <m:ctrlPr>
                            <a:rPr lang="en-GB" sz="1100" b="0" i="1" smtClean="0">
                              <a:solidFill>
                                <a:schemeClr val="tx1"/>
                              </a:solidFill>
                              <a:latin typeface="Cambria Math" panose="02040503050406030204" pitchFamily="18" charset="0"/>
                              <a:ea typeface="Cambria Math" panose="02040503050406030204" pitchFamily="18" charset="0"/>
                            </a:rPr>
                          </m:ctrlPr>
                        </m:sSubPr>
                        <m:e>
                          <m:r>
                            <a:rPr lang="en-GB" sz="1100" b="0" i="1" smtClean="0">
                              <a:solidFill>
                                <a:schemeClr val="tx1"/>
                              </a:solidFill>
                              <a:latin typeface="Cambria Math" panose="02040503050406030204" pitchFamily="18" charset="0"/>
                              <a:ea typeface="Cambria Math" panose="02040503050406030204" pitchFamily="18" charset="0"/>
                            </a:rPr>
                            <m:t>𝑇</m:t>
                          </m:r>
                        </m:e>
                        <m:sub>
                          <m:r>
                            <a:rPr lang="en-GB" sz="1100" b="0" i="1" smtClean="0">
                              <a:solidFill>
                                <a:schemeClr val="tx1"/>
                              </a:solidFill>
                              <a:latin typeface="Cambria Math" panose="02040503050406030204" pitchFamily="18" charset="0"/>
                              <a:ea typeface="Cambria Math" panose="02040503050406030204" pitchFamily="18" charset="0"/>
                            </a:rPr>
                            <m:t>−1</m:t>
                          </m:r>
                        </m:sub>
                      </m:sSub>
                      <m:r>
                        <a:rPr lang="en-GB" sz="1100" b="0" i="1" smtClean="0">
                          <a:solidFill>
                            <a:schemeClr val="tx1"/>
                          </a:solidFill>
                          <a:latin typeface="Cambria Math" panose="02040503050406030204" pitchFamily="18" charset="0"/>
                          <a:ea typeface="Cambria Math" panose="02040503050406030204" pitchFamily="18" charset="0"/>
                        </a:rPr>
                        <m:t>]</m:t>
                      </m:r>
                    </m:oMath>
                  </m:oMathPara>
                </a14:m>
                <a:endParaRPr lang="de-DE" sz="1100" dirty="0">
                  <a:solidFill>
                    <a:schemeClr val="tx1"/>
                  </a:solidFill>
                </a:endParaRPr>
              </a:p>
            </p:txBody>
          </p:sp>
        </mc:Choice>
        <mc:Fallback>
          <p:sp>
            <p:nvSpPr>
              <p:cNvPr id="9" name="Rounded Rectangle 8">
                <a:extLst>
                  <a:ext uri="{FF2B5EF4-FFF2-40B4-BE49-F238E27FC236}">
                    <a16:creationId xmlns:a16="http://schemas.microsoft.com/office/drawing/2014/main" id="{9536F6FC-B12C-2C41-8D5A-402D548A2768}"/>
                  </a:ext>
                </a:extLst>
              </p:cNvPr>
              <p:cNvSpPr>
                <a:spLocks noRot="1" noChangeAspect="1" noMove="1" noResize="1" noEditPoints="1" noAdjustHandles="1" noChangeArrowheads="1" noChangeShapeType="1" noTextEdit="1"/>
              </p:cNvSpPr>
              <p:nvPr/>
            </p:nvSpPr>
            <p:spPr>
              <a:xfrm>
                <a:off x="4473388" y="1125742"/>
                <a:ext cx="1592171" cy="609662"/>
              </a:xfrm>
              <a:prstGeom prst="roundRect">
                <a:avLst/>
              </a:prstGeom>
              <a:blipFill>
                <a:blip r:embed="rId6"/>
                <a:stretch>
                  <a:fillRect/>
                </a:stretch>
              </a:blipFill>
            </p:spPr>
            <p:txBody>
              <a:bodyPr/>
              <a:lstStyle/>
              <a:p>
                <a:r>
                  <a:rPr lang="en-US">
                    <a:noFill/>
                  </a:rPr>
                  <a:t> </a:t>
                </a:r>
              </a:p>
            </p:txBody>
          </p:sp>
        </mc:Fallback>
      </mc:AlternateContent>
      <mc:AlternateContent xmlns:mc="http://schemas.openxmlformats.org/markup-compatibility/2006">
        <mc:Choice xmlns:a14="http://schemas.microsoft.com/office/drawing/2010/main" Requires="a14">
          <p:sp>
            <p:nvSpPr>
              <p:cNvPr id="10" name="Rounded Rectangle 9">
                <a:extLst>
                  <a:ext uri="{FF2B5EF4-FFF2-40B4-BE49-F238E27FC236}">
                    <a16:creationId xmlns:a16="http://schemas.microsoft.com/office/drawing/2014/main" id="{FAB93CF7-C579-B42A-8491-3D5942A29BAA}"/>
                  </a:ext>
                </a:extLst>
              </p:cNvPr>
              <p:cNvSpPr/>
              <p:nvPr/>
            </p:nvSpPr>
            <p:spPr>
              <a:xfrm>
                <a:off x="4473388" y="1962088"/>
                <a:ext cx="1592171" cy="60966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r>
                  <a:rPr lang="de-DE" sz="1100" b="1" dirty="0">
                    <a:solidFill>
                      <a:schemeClr val="tx1"/>
                    </a:solidFill>
                  </a:rPr>
                  <a:t>DF3</a:t>
                </a:r>
              </a:p>
              <a:p>
                <a:pPr/>
                <a14:m>
                  <m:oMathPara xmlns:m="http://schemas.openxmlformats.org/officeDocument/2006/math">
                    <m:oMathParaPr>
                      <m:jc m:val="centerGroup"/>
                    </m:oMathParaPr>
                    <m:oMath xmlns:m="http://schemas.openxmlformats.org/officeDocument/2006/math">
                      <m:r>
                        <a:rPr lang="en-GB" sz="1100" b="0" i="1" smtClean="0">
                          <a:solidFill>
                            <a:schemeClr val="tx1"/>
                          </a:solidFill>
                          <a:latin typeface="Cambria Math" panose="02040503050406030204" pitchFamily="18" charset="0"/>
                        </a:rPr>
                        <m:t>𝐷𝐹</m:t>
                      </m:r>
                      <m:sSub>
                        <m:sSubPr>
                          <m:ctrlPr>
                            <a:rPr lang="en-GB" sz="1100" b="0" i="1" smtClean="0">
                              <a:solidFill>
                                <a:schemeClr val="tx1"/>
                              </a:solidFill>
                              <a:latin typeface="Cambria Math" panose="02040503050406030204" pitchFamily="18" charset="0"/>
                            </a:rPr>
                          </m:ctrlPr>
                        </m:sSubPr>
                        <m:e>
                          <m:r>
                            <a:rPr lang="en-GB" sz="1100" b="0" i="1" smtClean="0">
                              <a:solidFill>
                                <a:schemeClr val="tx1"/>
                              </a:solidFill>
                              <a:latin typeface="Cambria Math" panose="02040503050406030204" pitchFamily="18" charset="0"/>
                            </a:rPr>
                            <m:t>3</m:t>
                          </m:r>
                        </m:e>
                        <m:sub>
                          <m:r>
                            <a:rPr lang="en-GB" sz="1100" b="0" i="1" smtClean="0">
                              <a:solidFill>
                                <a:schemeClr val="tx1"/>
                              </a:solidFill>
                              <a:latin typeface="Cambria Math" panose="02040503050406030204" pitchFamily="18" charset="0"/>
                            </a:rPr>
                            <m:t>𝑡</m:t>
                          </m:r>
                        </m:sub>
                      </m:sSub>
                      <m:r>
                        <a:rPr lang="en-GB" sz="1100" b="0" i="1" smtClean="0">
                          <a:solidFill>
                            <a:schemeClr val="tx1"/>
                          </a:solidFill>
                          <a:latin typeface="Cambria Math" panose="02040503050406030204" pitchFamily="18" charset="0"/>
                          <a:ea typeface="Cambria Math" panose="02040503050406030204" pitchFamily="18" charset="0"/>
                        </a:rPr>
                        <m:t>∈[</m:t>
                      </m:r>
                      <m:sSub>
                        <m:sSubPr>
                          <m:ctrlPr>
                            <a:rPr lang="en-GB" sz="1100" b="0" i="1" smtClean="0">
                              <a:solidFill>
                                <a:schemeClr val="tx1"/>
                              </a:solidFill>
                              <a:latin typeface="Cambria Math" panose="02040503050406030204" pitchFamily="18" charset="0"/>
                              <a:ea typeface="Cambria Math" panose="02040503050406030204" pitchFamily="18" charset="0"/>
                            </a:rPr>
                          </m:ctrlPr>
                        </m:sSubPr>
                        <m:e>
                          <m:r>
                            <a:rPr lang="en-GB" sz="1100" b="0" i="1" smtClean="0">
                              <a:solidFill>
                                <a:schemeClr val="tx1"/>
                              </a:solidFill>
                              <a:latin typeface="Cambria Math" panose="02040503050406030204" pitchFamily="18" charset="0"/>
                              <a:ea typeface="Cambria Math" panose="02040503050406030204" pitchFamily="18" charset="0"/>
                            </a:rPr>
                            <m:t>𝑇</m:t>
                          </m:r>
                        </m:e>
                        <m:sub>
                          <m:r>
                            <a:rPr lang="en-GB" sz="1100" b="0" i="1" smtClean="0">
                              <a:solidFill>
                                <a:schemeClr val="tx1"/>
                              </a:solidFill>
                              <a:latin typeface="Cambria Math" panose="02040503050406030204" pitchFamily="18" charset="0"/>
                              <a:ea typeface="Cambria Math" panose="02040503050406030204" pitchFamily="18" charset="0"/>
                            </a:rPr>
                            <m:t>−</m:t>
                          </m:r>
                          <m:r>
                            <a:rPr lang="en-GB" sz="1100" b="0" i="1" smtClean="0">
                              <a:solidFill>
                                <a:schemeClr val="tx1"/>
                              </a:solidFill>
                              <a:latin typeface="Cambria Math" panose="02040503050406030204" pitchFamily="18" charset="0"/>
                              <a:ea typeface="Cambria Math" panose="02040503050406030204" pitchFamily="18" charset="0"/>
                            </a:rPr>
                            <m:t>3</m:t>
                          </m:r>
                        </m:sub>
                      </m:sSub>
                      <m:r>
                        <a:rPr lang="en-GB" sz="1100" b="0" i="1" smtClean="0">
                          <a:solidFill>
                            <a:schemeClr val="tx1"/>
                          </a:solidFill>
                          <a:latin typeface="Cambria Math" panose="02040503050406030204" pitchFamily="18" charset="0"/>
                          <a:ea typeface="Cambria Math" panose="02040503050406030204" pitchFamily="18" charset="0"/>
                        </a:rPr>
                        <m:t>,</m:t>
                      </m:r>
                      <m:sSub>
                        <m:sSubPr>
                          <m:ctrlPr>
                            <a:rPr lang="en-GB" sz="1100" b="0" i="1" smtClean="0">
                              <a:solidFill>
                                <a:schemeClr val="tx1"/>
                              </a:solidFill>
                              <a:latin typeface="Cambria Math" panose="02040503050406030204" pitchFamily="18" charset="0"/>
                              <a:ea typeface="Cambria Math" panose="02040503050406030204" pitchFamily="18" charset="0"/>
                            </a:rPr>
                          </m:ctrlPr>
                        </m:sSubPr>
                        <m:e>
                          <m:r>
                            <a:rPr lang="en-GB" sz="1100" b="0" i="1" smtClean="0">
                              <a:solidFill>
                                <a:schemeClr val="tx1"/>
                              </a:solidFill>
                              <a:latin typeface="Cambria Math" panose="02040503050406030204" pitchFamily="18" charset="0"/>
                              <a:ea typeface="Cambria Math" panose="02040503050406030204" pitchFamily="18" charset="0"/>
                            </a:rPr>
                            <m:t>𝑇</m:t>
                          </m:r>
                        </m:e>
                        <m:sub>
                          <m:r>
                            <a:rPr lang="en-GB" sz="1100" b="0" i="1" smtClean="0">
                              <a:solidFill>
                                <a:schemeClr val="tx1"/>
                              </a:solidFill>
                              <a:latin typeface="Cambria Math" panose="02040503050406030204" pitchFamily="18" charset="0"/>
                              <a:ea typeface="Cambria Math" panose="02040503050406030204" pitchFamily="18" charset="0"/>
                            </a:rPr>
                            <m:t>−</m:t>
                          </m:r>
                          <m:r>
                            <a:rPr lang="en-GB" sz="1100" b="0" i="1" smtClean="0">
                              <a:solidFill>
                                <a:schemeClr val="tx1"/>
                              </a:solidFill>
                              <a:latin typeface="Cambria Math" panose="02040503050406030204" pitchFamily="18" charset="0"/>
                              <a:ea typeface="Cambria Math" panose="02040503050406030204" pitchFamily="18" charset="0"/>
                            </a:rPr>
                            <m:t>2</m:t>
                          </m:r>
                        </m:sub>
                      </m:sSub>
                      <m:r>
                        <a:rPr lang="en-GB" sz="1100" b="0" i="1" smtClean="0">
                          <a:solidFill>
                            <a:schemeClr val="tx1"/>
                          </a:solidFill>
                          <a:latin typeface="Cambria Math" panose="02040503050406030204" pitchFamily="18" charset="0"/>
                          <a:ea typeface="Cambria Math" panose="02040503050406030204" pitchFamily="18" charset="0"/>
                        </a:rPr>
                        <m:t>]</m:t>
                      </m:r>
                    </m:oMath>
                  </m:oMathPara>
                </a14:m>
                <a:endParaRPr lang="de-DE" sz="1100" dirty="0">
                  <a:solidFill>
                    <a:schemeClr val="tx1"/>
                  </a:solidFill>
                </a:endParaRPr>
              </a:p>
            </p:txBody>
          </p:sp>
        </mc:Choice>
        <mc:Fallback>
          <p:sp>
            <p:nvSpPr>
              <p:cNvPr id="10" name="Rounded Rectangle 9">
                <a:extLst>
                  <a:ext uri="{FF2B5EF4-FFF2-40B4-BE49-F238E27FC236}">
                    <a16:creationId xmlns:a16="http://schemas.microsoft.com/office/drawing/2014/main" id="{FAB93CF7-C579-B42A-8491-3D5942A29BAA}"/>
                  </a:ext>
                </a:extLst>
              </p:cNvPr>
              <p:cNvSpPr>
                <a:spLocks noRot="1" noChangeAspect="1" noMove="1" noResize="1" noEditPoints="1" noAdjustHandles="1" noChangeArrowheads="1" noChangeShapeType="1" noTextEdit="1"/>
              </p:cNvSpPr>
              <p:nvPr/>
            </p:nvSpPr>
            <p:spPr>
              <a:xfrm>
                <a:off x="4473388" y="1962088"/>
                <a:ext cx="1592171" cy="609662"/>
              </a:xfrm>
              <a:prstGeom prst="roundRect">
                <a:avLst/>
              </a:prstGeom>
              <a:blipFill>
                <a:blip r:embed="rId7"/>
                <a:stretch>
                  <a:fillRect/>
                </a:stretch>
              </a:blipFill>
            </p:spPr>
            <p:txBody>
              <a:bodyPr/>
              <a:lstStyle/>
              <a:p>
                <a:r>
                  <a:rPr lang="en-US">
                    <a:noFill/>
                  </a:rPr>
                  <a:t> </a:t>
                </a:r>
              </a:p>
            </p:txBody>
          </p:sp>
        </mc:Fallback>
      </mc:AlternateContent>
      <mc:AlternateContent xmlns:mc="http://schemas.openxmlformats.org/markup-compatibility/2006">
        <mc:Choice xmlns:a14="http://schemas.microsoft.com/office/drawing/2010/main" Requires="a14">
          <p:sp>
            <p:nvSpPr>
              <p:cNvPr id="11" name="Rounded Rectangle 10">
                <a:extLst>
                  <a:ext uri="{FF2B5EF4-FFF2-40B4-BE49-F238E27FC236}">
                    <a16:creationId xmlns:a16="http://schemas.microsoft.com/office/drawing/2014/main" id="{612E00A3-21EA-74A9-AADB-F96948D91E85}"/>
                  </a:ext>
                </a:extLst>
              </p:cNvPr>
              <p:cNvSpPr/>
              <p:nvPr/>
            </p:nvSpPr>
            <p:spPr>
              <a:xfrm>
                <a:off x="4473388" y="2798435"/>
                <a:ext cx="1592171" cy="60966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r>
                  <a:rPr lang="de-DE" sz="1100" b="1" dirty="0">
                    <a:solidFill>
                      <a:schemeClr val="tx1"/>
                    </a:solidFill>
                  </a:rPr>
                  <a:t>DF4</a:t>
                </a:r>
              </a:p>
              <a:p>
                <a:pPr/>
                <a14:m>
                  <m:oMathPara xmlns:m="http://schemas.openxmlformats.org/officeDocument/2006/math">
                    <m:oMathParaPr>
                      <m:jc m:val="centerGroup"/>
                    </m:oMathParaPr>
                    <m:oMath xmlns:m="http://schemas.openxmlformats.org/officeDocument/2006/math">
                      <m:r>
                        <a:rPr lang="en-GB" sz="1100" b="0" i="1" smtClean="0">
                          <a:solidFill>
                            <a:schemeClr val="tx1"/>
                          </a:solidFill>
                          <a:latin typeface="Cambria Math" panose="02040503050406030204" pitchFamily="18" charset="0"/>
                        </a:rPr>
                        <m:t>𝐷𝐹</m:t>
                      </m:r>
                      <m:sSub>
                        <m:sSubPr>
                          <m:ctrlPr>
                            <a:rPr lang="en-GB" sz="1100" b="0" i="1" smtClean="0">
                              <a:solidFill>
                                <a:schemeClr val="tx1"/>
                              </a:solidFill>
                              <a:latin typeface="Cambria Math" panose="02040503050406030204" pitchFamily="18" charset="0"/>
                            </a:rPr>
                          </m:ctrlPr>
                        </m:sSubPr>
                        <m:e>
                          <m:r>
                            <a:rPr lang="en-GB" sz="1100" b="0" i="1" smtClean="0">
                              <a:solidFill>
                                <a:schemeClr val="tx1"/>
                              </a:solidFill>
                              <a:latin typeface="Cambria Math" panose="02040503050406030204" pitchFamily="18" charset="0"/>
                            </a:rPr>
                            <m:t>4</m:t>
                          </m:r>
                        </m:e>
                        <m:sub>
                          <m:r>
                            <a:rPr lang="en-GB" sz="1100" b="0" i="1" smtClean="0">
                              <a:solidFill>
                                <a:schemeClr val="tx1"/>
                              </a:solidFill>
                              <a:latin typeface="Cambria Math" panose="02040503050406030204" pitchFamily="18" charset="0"/>
                            </a:rPr>
                            <m:t>𝑡</m:t>
                          </m:r>
                        </m:sub>
                      </m:sSub>
                      <m:r>
                        <a:rPr lang="en-GB" sz="1100" b="0" i="1" smtClean="0">
                          <a:solidFill>
                            <a:schemeClr val="tx1"/>
                          </a:solidFill>
                          <a:latin typeface="Cambria Math" panose="02040503050406030204" pitchFamily="18" charset="0"/>
                          <a:ea typeface="Cambria Math" panose="02040503050406030204" pitchFamily="18" charset="0"/>
                        </a:rPr>
                        <m:t>∈[</m:t>
                      </m:r>
                      <m:sSub>
                        <m:sSubPr>
                          <m:ctrlPr>
                            <a:rPr lang="en-GB" sz="1100" b="0" i="1" smtClean="0">
                              <a:solidFill>
                                <a:schemeClr val="tx1"/>
                              </a:solidFill>
                              <a:latin typeface="Cambria Math" panose="02040503050406030204" pitchFamily="18" charset="0"/>
                              <a:ea typeface="Cambria Math" panose="02040503050406030204" pitchFamily="18" charset="0"/>
                            </a:rPr>
                          </m:ctrlPr>
                        </m:sSubPr>
                        <m:e>
                          <m:r>
                            <a:rPr lang="en-GB" sz="1100" b="0" i="1" smtClean="0">
                              <a:solidFill>
                                <a:schemeClr val="tx1"/>
                              </a:solidFill>
                              <a:latin typeface="Cambria Math" panose="02040503050406030204" pitchFamily="18" charset="0"/>
                              <a:ea typeface="Cambria Math" panose="02040503050406030204" pitchFamily="18" charset="0"/>
                            </a:rPr>
                            <m:t>𝑇</m:t>
                          </m:r>
                        </m:e>
                        <m:sub>
                          <m:r>
                            <a:rPr lang="en-GB" sz="1100" b="0" i="1" smtClean="0">
                              <a:solidFill>
                                <a:schemeClr val="tx1"/>
                              </a:solidFill>
                              <a:latin typeface="Cambria Math" panose="02040503050406030204" pitchFamily="18" charset="0"/>
                              <a:ea typeface="Cambria Math" panose="02040503050406030204" pitchFamily="18" charset="0"/>
                            </a:rPr>
                            <m:t>−</m:t>
                          </m:r>
                          <m:r>
                            <a:rPr lang="en-GB" sz="1100" b="0" i="1" smtClean="0">
                              <a:solidFill>
                                <a:schemeClr val="tx1"/>
                              </a:solidFill>
                              <a:latin typeface="Cambria Math" panose="02040503050406030204" pitchFamily="18" charset="0"/>
                              <a:ea typeface="Cambria Math" panose="02040503050406030204" pitchFamily="18" charset="0"/>
                            </a:rPr>
                            <m:t>4</m:t>
                          </m:r>
                        </m:sub>
                      </m:sSub>
                      <m:r>
                        <a:rPr lang="en-GB" sz="1100" b="0" i="1" smtClean="0">
                          <a:solidFill>
                            <a:schemeClr val="tx1"/>
                          </a:solidFill>
                          <a:latin typeface="Cambria Math" panose="02040503050406030204" pitchFamily="18" charset="0"/>
                          <a:ea typeface="Cambria Math" panose="02040503050406030204" pitchFamily="18" charset="0"/>
                        </a:rPr>
                        <m:t>,</m:t>
                      </m:r>
                      <m:sSub>
                        <m:sSubPr>
                          <m:ctrlPr>
                            <a:rPr lang="en-GB" sz="1100" b="0" i="1" smtClean="0">
                              <a:solidFill>
                                <a:schemeClr val="tx1"/>
                              </a:solidFill>
                              <a:latin typeface="Cambria Math" panose="02040503050406030204" pitchFamily="18" charset="0"/>
                              <a:ea typeface="Cambria Math" panose="02040503050406030204" pitchFamily="18" charset="0"/>
                            </a:rPr>
                          </m:ctrlPr>
                        </m:sSubPr>
                        <m:e>
                          <m:r>
                            <a:rPr lang="en-GB" sz="1100" b="0" i="1" smtClean="0">
                              <a:solidFill>
                                <a:schemeClr val="tx1"/>
                              </a:solidFill>
                              <a:latin typeface="Cambria Math" panose="02040503050406030204" pitchFamily="18" charset="0"/>
                              <a:ea typeface="Cambria Math" panose="02040503050406030204" pitchFamily="18" charset="0"/>
                            </a:rPr>
                            <m:t>𝑇</m:t>
                          </m:r>
                        </m:e>
                        <m:sub>
                          <m:r>
                            <a:rPr lang="en-GB" sz="1100" b="0" i="1" smtClean="0">
                              <a:solidFill>
                                <a:schemeClr val="tx1"/>
                              </a:solidFill>
                              <a:latin typeface="Cambria Math" panose="02040503050406030204" pitchFamily="18" charset="0"/>
                              <a:ea typeface="Cambria Math" panose="02040503050406030204" pitchFamily="18" charset="0"/>
                            </a:rPr>
                            <m:t>−</m:t>
                          </m:r>
                          <m:r>
                            <a:rPr lang="en-GB" sz="1100" b="0" i="1" smtClean="0">
                              <a:solidFill>
                                <a:schemeClr val="tx1"/>
                              </a:solidFill>
                              <a:latin typeface="Cambria Math" panose="02040503050406030204" pitchFamily="18" charset="0"/>
                              <a:ea typeface="Cambria Math" panose="02040503050406030204" pitchFamily="18" charset="0"/>
                            </a:rPr>
                            <m:t>3</m:t>
                          </m:r>
                        </m:sub>
                      </m:sSub>
                      <m:r>
                        <a:rPr lang="en-GB" sz="1100" b="0" i="1" smtClean="0">
                          <a:solidFill>
                            <a:schemeClr val="tx1"/>
                          </a:solidFill>
                          <a:latin typeface="Cambria Math" panose="02040503050406030204" pitchFamily="18" charset="0"/>
                          <a:ea typeface="Cambria Math" panose="02040503050406030204" pitchFamily="18" charset="0"/>
                        </a:rPr>
                        <m:t>]</m:t>
                      </m:r>
                    </m:oMath>
                  </m:oMathPara>
                </a14:m>
                <a:endParaRPr lang="de-DE" sz="1100" dirty="0">
                  <a:solidFill>
                    <a:schemeClr val="tx1"/>
                  </a:solidFill>
                </a:endParaRPr>
              </a:p>
            </p:txBody>
          </p:sp>
        </mc:Choice>
        <mc:Fallback>
          <p:sp>
            <p:nvSpPr>
              <p:cNvPr id="11" name="Rounded Rectangle 10">
                <a:extLst>
                  <a:ext uri="{FF2B5EF4-FFF2-40B4-BE49-F238E27FC236}">
                    <a16:creationId xmlns:a16="http://schemas.microsoft.com/office/drawing/2014/main" id="{612E00A3-21EA-74A9-AADB-F96948D91E85}"/>
                  </a:ext>
                </a:extLst>
              </p:cNvPr>
              <p:cNvSpPr>
                <a:spLocks noRot="1" noChangeAspect="1" noMove="1" noResize="1" noEditPoints="1" noAdjustHandles="1" noChangeArrowheads="1" noChangeShapeType="1" noTextEdit="1"/>
              </p:cNvSpPr>
              <p:nvPr/>
            </p:nvSpPr>
            <p:spPr>
              <a:xfrm>
                <a:off x="4473388" y="2798435"/>
                <a:ext cx="1592171" cy="609662"/>
              </a:xfrm>
              <a:prstGeom prst="roundRect">
                <a:avLst/>
              </a:prstGeom>
              <a:blipFill>
                <a:blip r:embed="rId8"/>
                <a:stretch>
                  <a:fillRect/>
                </a:stretch>
              </a:blipFill>
            </p:spPr>
            <p:txBody>
              <a:bodyPr/>
              <a:lstStyle/>
              <a:p>
                <a:r>
                  <a:rPr lang="en-US">
                    <a:noFill/>
                  </a:rPr>
                  <a:t> </a:t>
                </a:r>
              </a:p>
            </p:txBody>
          </p:sp>
        </mc:Fallback>
      </mc:AlternateContent>
      <mc:AlternateContent xmlns:mc="http://schemas.openxmlformats.org/markup-compatibility/2006">
        <mc:Choice xmlns:a14="http://schemas.microsoft.com/office/drawing/2010/main" Requires="a14">
          <p:sp>
            <p:nvSpPr>
              <p:cNvPr id="12" name="Rounded Rectangle 11">
                <a:extLst>
                  <a:ext uri="{FF2B5EF4-FFF2-40B4-BE49-F238E27FC236}">
                    <a16:creationId xmlns:a16="http://schemas.microsoft.com/office/drawing/2014/main" id="{6C53A7B8-FFF8-D4F1-991B-8955E38B718D}"/>
                  </a:ext>
                </a:extLst>
              </p:cNvPr>
              <p:cNvSpPr/>
              <p:nvPr/>
            </p:nvSpPr>
            <p:spPr>
              <a:xfrm>
                <a:off x="4473388" y="3634782"/>
                <a:ext cx="1592171" cy="60966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r>
                  <a:rPr lang="de-DE" sz="1100" b="1" dirty="0">
                    <a:solidFill>
                      <a:schemeClr val="tx1"/>
                    </a:solidFill>
                  </a:rPr>
                  <a:t>DF5</a:t>
                </a:r>
              </a:p>
              <a:p>
                <a:pPr/>
                <a14:m>
                  <m:oMathPara xmlns:m="http://schemas.openxmlformats.org/officeDocument/2006/math">
                    <m:oMathParaPr>
                      <m:jc m:val="centerGroup"/>
                    </m:oMathParaPr>
                    <m:oMath xmlns:m="http://schemas.openxmlformats.org/officeDocument/2006/math">
                      <m:r>
                        <a:rPr lang="en-GB" sz="1100" b="0" i="1" smtClean="0">
                          <a:solidFill>
                            <a:schemeClr val="tx1"/>
                          </a:solidFill>
                          <a:latin typeface="Cambria Math" panose="02040503050406030204" pitchFamily="18" charset="0"/>
                        </a:rPr>
                        <m:t>𝐷𝐹</m:t>
                      </m:r>
                      <m:sSub>
                        <m:sSubPr>
                          <m:ctrlPr>
                            <a:rPr lang="en-GB" sz="1100" b="0" i="1" smtClean="0">
                              <a:solidFill>
                                <a:schemeClr val="tx1"/>
                              </a:solidFill>
                              <a:latin typeface="Cambria Math" panose="02040503050406030204" pitchFamily="18" charset="0"/>
                            </a:rPr>
                          </m:ctrlPr>
                        </m:sSubPr>
                        <m:e>
                          <m:r>
                            <a:rPr lang="en-GB" sz="1100" b="0" i="1" smtClean="0">
                              <a:solidFill>
                                <a:schemeClr val="tx1"/>
                              </a:solidFill>
                              <a:latin typeface="Cambria Math" panose="02040503050406030204" pitchFamily="18" charset="0"/>
                            </a:rPr>
                            <m:t>5</m:t>
                          </m:r>
                        </m:e>
                        <m:sub>
                          <m:r>
                            <a:rPr lang="en-GB" sz="1100" b="0" i="1" smtClean="0">
                              <a:solidFill>
                                <a:schemeClr val="tx1"/>
                              </a:solidFill>
                              <a:latin typeface="Cambria Math" panose="02040503050406030204" pitchFamily="18" charset="0"/>
                            </a:rPr>
                            <m:t>𝑡</m:t>
                          </m:r>
                        </m:sub>
                      </m:sSub>
                      <m:r>
                        <a:rPr lang="en-GB" sz="1100" b="0" i="1" smtClean="0">
                          <a:solidFill>
                            <a:schemeClr val="tx1"/>
                          </a:solidFill>
                          <a:latin typeface="Cambria Math" panose="02040503050406030204" pitchFamily="18" charset="0"/>
                          <a:ea typeface="Cambria Math" panose="02040503050406030204" pitchFamily="18" charset="0"/>
                        </a:rPr>
                        <m:t>∈[</m:t>
                      </m:r>
                      <m:sSub>
                        <m:sSubPr>
                          <m:ctrlPr>
                            <a:rPr lang="en-GB" sz="1100" b="0" i="1" smtClean="0">
                              <a:solidFill>
                                <a:schemeClr val="tx1"/>
                              </a:solidFill>
                              <a:latin typeface="Cambria Math" panose="02040503050406030204" pitchFamily="18" charset="0"/>
                              <a:ea typeface="Cambria Math" panose="02040503050406030204" pitchFamily="18" charset="0"/>
                            </a:rPr>
                          </m:ctrlPr>
                        </m:sSubPr>
                        <m:e>
                          <m:r>
                            <a:rPr lang="en-GB" sz="1100" b="0" i="1" smtClean="0">
                              <a:solidFill>
                                <a:schemeClr val="tx1"/>
                              </a:solidFill>
                              <a:latin typeface="Cambria Math" panose="02040503050406030204" pitchFamily="18" charset="0"/>
                              <a:ea typeface="Cambria Math" panose="02040503050406030204" pitchFamily="18" charset="0"/>
                            </a:rPr>
                            <m:t>𝑇</m:t>
                          </m:r>
                        </m:e>
                        <m:sub>
                          <m:r>
                            <a:rPr lang="en-GB" sz="1100" b="0" i="1" smtClean="0">
                              <a:solidFill>
                                <a:schemeClr val="tx1"/>
                              </a:solidFill>
                              <a:latin typeface="Cambria Math" panose="02040503050406030204" pitchFamily="18" charset="0"/>
                              <a:ea typeface="Cambria Math" panose="02040503050406030204" pitchFamily="18" charset="0"/>
                            </a:rPr>
                            <m:t>−</m:t>
                          </m:r>
                          <m:r>
                            <a:rPr lang="en-GB" sz="1100" b="0" i="1" smtClean="0">
                              <a:solidFill>
                                <a:schemeClr val="tx1"/>
                              </a:solidFill>
                              <a:latin typeface="Cambria Math" panose="02040503050406030204" pitchFamily="18" charset="0"/>
                              <a:ea typeface="Cambria Math" panose="02040503050406030204" pitchFamily="18" charset="0"/>
                            </a:rPr>
                            <m:t>5</m:t>
                          </m:r>
                        </m:sub>
                      </m:sSub>
                      <m:r>
                        <a:rPr lang="en-GB" sz="1100" b="0" i="1" smtClean="0">
                          <a:solidFill>
                            <a:schemeClr val="tx1"/>
                          </a:solidFill>
                          <a:latin typeface="Cambria Math" panose="02040503050406030204" pitchFamily="18" charset="0"/>
                          <a:ea typeface="Cambria Math" panose="02040503050406030204" pitchFamily="18" charset="0"/>
                        </a:rPr>
                        <m:t>,</m:t>
                      </m:r>
                      <m:sSub>
                        <m:sSubPr>
                          <m:ctrlPr>
                            <a:rPr lang="en-GB" sz="1100" b="0" i="1" smtClean="0">
                              <a:solidFill>
                                <a:schemeClr val="tx1"/>
                              </a:solidFill>
                              <a:latin typeface="Cambria Math" panose="02040503050406030204" pitchFamily="18" charset="0"/>
                              <a:ea typeface="Cambria Math" panose="02040503050406030204" pitchFamily="18" charset="0"/>
                            </a:rPr>
                          </m:ctrlPr>
                        </m:sSubPr>
                        <m:e>
                          <m:r>
                            <a:rPr lang="en-GB" sz="1100" b="0" i="1" smtClean="0">
                              <a:solidFill>
                                <a:schemeClr val="tx1"/>
                              </a:solidFill>
                              <a:latin typeface="Cambria Math" panose="02040503050406030204" pitchFamily="18" charset="0"/>
                              <a:ea typeface="Cambria Math" panose="02040503050406030204" pitchFamily="18" charset="0"/>
                            </a:rPr>
                            <m:t>𝑇</m:t>
                          </m:r>
                        </m:e>
                        <m:sub>
                          <m:r>
                            <a:rPr lang="en-GB" sz="1100" b="0" i="1" smtClean="0">
                              <a:solidFill>
                                <a:schemeClr val="tx1"/>
                              </a:solidFill>
                              <a:latin typeface="Cambria Math" panose="02040503050406030204" pitchFamily="18" charset="0"/>
                              <a:ea typeface="Cambria Math" panose="02040503050406030204" pitchFamily="18" charset="0"/>
                            </a:rPr>
                            <m:t>−</m:t>
                          </m:r>
                          <m:r>
                            <a:rPr lang="en-GB" sz="1100" b="0" i="1" smtClean="0">
                              <a:solidFill>
                                <a:schemeClr val="tx1"/>
                              </a:solidFill>
                              <a:latin typeface="Cambria Math" panose="02040503050406030204" pitchFamily="18" charset="0"/>
                              <a:ea typeface="Cambria Math" panose="02040503050406030204" pitchFamily="18" charset="0"/>
                            </a:rPr>
                            <m:t>4</m:t>
                          </m:r>
                        </m:sub>
                      </m:sSub>
                      <m:r>
                        <a:rPr lang="en-GB" sz="1100" b="0" i="1" smtClean="0">
                          <a:solidFill>
                            <a:schemeClr val="tx1"/>
                          </a:solidFill>
                          <a:latin typeface="Cambria Math" panose="02040503050406030204" pitchFamily="18" charset="0"/>
                          <a:ea typeface="Cambria Math" panose="02040503050406030204" pitchFamily="18" charset="0"/>
                        </a:rPr>
                        <m:t>]</m:t>
                      </m:r>
                    </m:oMath>
                  </m:oMathPara>
                </a14:m>
                <a:endParaRPr lang="de-DE" sz="1100" dirty="0">
                  <a:solidFill>
                    <a:schemeClr val="tx1"/>
                  </a:solidFill>
                </a:endParaRPr>
              </a:p>
            </p:txBody>
          </p:sp>
        </mc:Choice>
        <mc:Fallback>
          <p:sp>
            <p:nvSpPr>
              <p:cNvPr id="12" name="Rounded Rectangle 11">
                <a:extLst>
                  <a:ext uri="{FF2B5EF4-FFF2-40B4-BE49-F238E27FC236}">
                    <a16:creationId xmlns:a16="http://schemas.microsoft.com/office/drawing/2014/main" id="{6C53A7B8-FFF8-D4F1-991B-8955E38B718D}"/>
                  </a:ext>
                </a:extLst>
              </p:cNvPr>
              <p:cNvSpPr>
                <a:spLocks noRot="1" noChangeAspect="1" noMove="1" noResize="1" noEditPoints="1" noAdjustHandles="1" noChangeArrowheads="1" noChangeShapeType="1" noTextEdit="1"/>
              </p:cNvSpPr>
              <p:nvPr/>
            </p:nvSpPr>
            <p:spPr>
              <a:xfrm>
                <a:off x="4473388" y="3634782"/>
                <a:ext cx="1592171" cy="609662"/>
              </a:xfrm>
              <a:prstGeom prst="roundRect">
                <a:avLst/>
              </a:prstGeom>
              <a:blipFill>
                <a:blip r:embed="rId9"/>
                <a:stretch>
                  <a:fillRect/>
                </a:stretch>
              </a:blipFill>
            </p:spPr>
            <p:txBody>
              <a:bodyPr/>
              <a:lstStyle/>
              <a:p>
                <a:r>
                  <a:rPr lang="en-US">
                    <a:noFill/>
                  </a:rPr>
                  <a:t> </a:t>
                </a:r>
              </a:p>
            </p:txBody>
          </p:sp>
        </mc:Fallback>
      </mc:AlternateContent>
      <p:sp>
        <p:nvSpPr>
          <p:cNvPr id="13" name="Rounded Rectangle 12">
            <a:extLst>
              <a:ext uri="{FF2B5EF4-FFF2-40B4-BE49-F238E27FC236}">
                <a16:creationId xmlns:a16="http://schemas.microsoft.com/office/drawing/2014/main" id="{64D90FE0-0F47-ABDD-1B31-7548A3BEF827}"/>
              </a:ext>
            </a:extLst>
          </p:cNvPr>
          <p:cNvSpPr/>
          <p:nvPr/>
        </p:nvSpPr>
        <p:spPr>
          <a:xfrm>
            <a:off x="6715572" y="260682"/>
            <a:ext cx="796182" cy="60966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r>
              <a:rPr lang="en-GB" sz="1100" dirty="0">
                <a:solidFill>
                  <a:schemeClr val="tx1"/>
                </a:solidFill>
              </a:rPr>
              <a:t>Train Set</a:t>
            </a:r>
          </a:p>
          <a:p>
            <a:r>
              <a:rPr lang="en-GB" sz="1100" dirty="0">
                <a:solidFill>
                  <a:schemeClr val="tx1"/>
                </a:solidFill>
              </a:rPr>
              <a:t>70% DF1  </a:t>
            </a:r>
          </a:p>
        </p:txBody>
      </p:sp>
      <p:sp>
        <p:nvSpPr>
          <p:cNvPr id="14" name="Rounded Rectangle 13">
            <a:extLst>
              <a:ext uri="{FF2B5EF4-FFF2-40B4-BE49-F238E27FC236}">
                <a16:creationId xmlns:a16="http://schemas.microsoft.com/office/drawing/2014/main" id="{3EBC8A4F-E9D0-F28B-0E36-9584944B8A10}"/>
              </a:ext>
            </a:extLst>
          </p:cNvPr>
          <p:cNvSpPr/>
          <p:nvPr/>
        </p:nvSpPr>
        <p:spPr>
          <a:xfrm>
            <a:off x="7989043" y="260459"/>
            <a:ext cx="796182" cy="60966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r>
              <a:rPr lang="en-GB" sz="1100" dirty="0">
                <a:solidFill>
                  <a:schemeClr val="tx1"/>
                </a:solidFill>
              </a:rPr>
              <a:t>Test Set</a:t>
            </a:r>
          </a:p>
          <a:p>
            <a:r>
              <a:rPr lang="en-GB" sz="1100" dirty="0">
                <a:solidFill>
                  <a:schemeClr val="tx1"/>
                </a:solidFill>
              </a:rPr>
              <a:t>30% DF1  </a:t>
            </a:r>
          </a:p>
        </p:txBody>
      </p:sp>
      <p:sp>
        <p:nvSpPr>
          <p:cNvPr id="19" name="Rounded Rectangle 18">
            <a:extLst>
              <a:ext uri="{FF2B5EF4-FFF2-40B4-BE49-F238E27FC236}">
                <a16:creationId xmlns:a16="http://schemas.microsoft.com/office/drawing/2014/main" id="{F2D63EF1-2E41-2CC2-3EA9-73B19543E096}"/>
              </a:ext>
            </a:extLst>
          </p:cNvPr>
          <p:cNvSpPr/>
          <p:nvPr/>
        </p:nvSpPr>
        <p:spPr>
          <a:xfrm>
            <a:off x="7989042" y="1129345"/>
            <a:ext cx="796182" cy="60966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r>
              <a:rPr lang="de-DE" sz="1100" b="1" dirty="0">
                <a:solidFill>
                  <a:schemeClr val="tx1"/>
                </a:solidFill>
              </a:rPr>
              <a:t>T2</a:t>
            </a:r>
          </a:p>
          <a:p>
            <a:r>
              <a:rPr lang="en-GB" sz="1100" dirty="0">
                <a:solidFill>
                  <a:schemeClr val="tx1"/>
                </a:solidFill>
              </a:rPr>
              <a:t>Test Set</a:t>
            </a:r>
          </a:p>
        </p:txBody>
      </p:sp>
      <p:sp>
        <p:nvSpPr>
          <p:cNvPr id="20" name="Rounded Rectangle 19">
            <a:extLst>
              <a:ext uri="{FF2B5EF4-FFF2-40B4-BE49-F238E27FC236}">
                <a16:creationId xmlns:a16="http://schemas.microsoft.com/office/drawing/2014/main" id="{6CF829F8-C8AF-ECCE-F86E-B5ED9A3C8E32}"/>
              </a:ext>
            </a:extLst>
          </p:cNvPr>
          <p:cNvSpPr/>
          <p:nvPr/>
        </p:nvSpPr>
        <p:spPr>
          <a:xfrm>
            <a:off x="7989042" y="1962088"/>
            <a:ext cx="796182" cy="60966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r>
              <a:rPr lang="de-DE" sz="1100" b="1" dirty="0">
                <a:solidFill>
                  <a:schemeClr val="tx1"/>
                </a:solidFill>
              </a:rPr>
              <a:t>T3</a:t>
            </a:r>
          </a:p>
          <a:p>
            <a:r>
              <a:rPr lang="en-GB" sz="1100" dirty="0">
                <a:solidFill>
                  <a:schemeClr val="tx1"/>
                </a:solidFill>
              </a:rPr>
              <a:t>Test Set</a:t>
            </a:r>
          </a:p>
        </p:txBody>
      </p:sp>
      <p:sp>
        <p:nvSpPr>
          <p:cNvPr id="21" name="Rounded Rectangle 20">
            <a:extLst>
              <a:ext uri="{FF2B5EF4-FFF2-40B4-BE49-F238E27FC236}">
                <a16:creationId xmlns:a16="http://schemas.microsoft.com/office/drawing/2014/main" id="{FCA22550-655B-43B8-EAD2-FD129F08EE55}"/>
              </a:ext>
            </a:extLst>
          </p:cNvPr>
          <p:cNvSpPr/>
          <p:nvPr/>
        </p:nvSpPr>
        <p:spPr>
          <a:xfrm>
            <a:off x="7989042" y="2798435"/>
            <a:ext cx="796182" cy="60966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r>
              <a:rPr lang="de-DE" sz="1100" b="1" dirty="0">
                <a:solidFill>
                  <a:schemeClr val="tx1"/>
                </a:solidFill>
              </a:rPr>
              <a:t>T4</a:t>
            </a:r>
          </a:p>
          <a:p>
            <a:r>
              <a:rPr lang="en-GB" sz="1100" dirty="0">
                <a:solidFill>
                  <a:schemeClr val="tx1"/>
                </a:solidFill>
              </a:rPr>
              <a:t>Test Set</a:t>
            </a:r>
          </a:p>
        </p:txBody>
      </p:sp>
      <p:sp>
        <p:nvSpPr>
          <p:cNvPr id="22" name="Rounded Rectangle 21">
            <a:extLst>
              <a:ext uri="{FF2B5EF4-FFF2-40B4-BE49-F238E27FC236}">
                <a16:creationId xmlns:a16="http://schemas.microsoft.com/office/drawing/2014/main" id="{6D18C188-343B-92AD-4220-363677CF9498}"/>
              </a:ext>
            </a:extLst>
          </p:cNvPr>
          <p:cNvSpPr/>
          <p:nvPr/>
        </p:nvSpPr>
        <p:spPr>
          <a:xfrm>
            <a:off x="7989042" y="3634782"/>
            <a:ext cx="796182" cy="60966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r>
              <a:rPr lang="de-DE" sz="1100" b="1" dirty="0">
                <a:solidFill>
                  <a:schemeClr val="tx1"/>
                </a:solidFill>
              </a:rPr>
              <a:t>T5</a:t>
            </a:r>
          </a:p>
          <a:p>
            <a:r>
              <a:rPr lang="en-GB" sz="1100" dirty="0">
                <a:solidFill>
                  <a:schemeClr val="tx1"/>
                </a:solidFill>
              </a:rPr>
              <a:t>Test Set</a:t>
            </a:r>
          </a:p>
        </p:txBody>
      </p:sp>
      <p:sp>
        <p:nvSpPr>
          <p:cNvPr id="23" name="TextBox 22">
            <a:extLst>
              <a:ext uri="{FF2B5EF4-FFF2-40B4-BE49-F238E27FC236}">
                <a16:creationId xmlns:a16="http://schemas.microsoft.com/office/drawing/2014/main" id="{AF9F32A0-26F9-7C56-C39B-18ADDCCA0158}"/>
              </a:ext>
            </a:extLst>
          </p:cNvPr>
          <p:cNvSpPr txBox="1"/>
          <p:nvPr/>
        </p:nvSpPr>
        <p:spPr>
          <a:xfrm>
            <a:off x="358776" y="2746378"/>
            <a:ext cx="3914122" cy="1323439"/>
          </a:xfrm>
          <a:prstGeom prst="rect">
            <a:avLst/>
          </a:prstGeom>
          <a:noFill/>
        </p:spPr>
        <p:txBody>
          <a:bodyPr wrap="square" numCol="1" rtlCol="0" anchor="ctr">
            <a:spAutoFit/>
          </a:bodyPr>
          <a:lstStyle/>
          <a:p>
            <a:pPr marL="285750" indent="-285750">
              <a:buFont typeface="Arial" panose="020B0604020202020204" pitchFamily="34" charset="0"/>
              <a:buChar char="•"/>
            </a:pPr>
            <a:r>
              <a:rPr lang="en-GB" sz="1600" dirty="0"/>
              <a:t>Compute LIWC features for each time-period dataset:</a:t>
            </a:r>
          </a:p>
          <a:p>
            <a:pPr marL="628650" lvl="1" indent="-285750">
              <a:buFont typeface="Arial" panose="020B0604020202020204" pitchFamily="34" charset="0"/>
              <a:buChar char="•"/>
            </a:pPr>
            <a:r>
              <a:rPr lang="en-GB" sz="1600" i="1" dirty="0"/>
              <a:t>Including all LIWC dimensions</a:t>
            </a:r>
          </a:p>
          <a:p>
            <a:endParaRPr lang="en-GB" sz="1600" i="1" dirty="0">
              <a:solidFill>
                <a:srgbClr val="333333"/>
              </a:solidFill>
              <a:latin typeface="-apple-system"/>
            </a:endParaRPr>
          </a:p>
          <a:p>
            <a:endParaRPr lang="en-GB" sz="1600" dirty="0"/>
          </a:p>
        </p:txBody>
      </p:sp>
      <p:grpSp>
        <p:nvGrpSpPr>
          <p:cNvPr id="26" name="Group 25">
            <a:extLst>
              <a:ext uri="{FF2B5EF4-FFF2-40B4-BE49-F238E27FC236}">
                <a16:creationId xmlns:a16="http://schemas.microsoft.com/office/drawing/2014/main" id="{CA5DEB32-5A60-CE04-D49A-A63CCF87E385}"/>
              </a:ext>
            </a:extLst>
          </p:cNvPr>
          <p:cNvGrpSpPr>
            <a:grpSpLocks noChangeAspect="1"/>
          </p:cNvGrpSpPr>
          <p:nvPr/>
        </p:nvGrpSpPr>
        <p:grpSpPr>
          <a:xfrm>
            <a:off x="6750759" y="1165363"/>
            <a:ext cx="705208" cy="540000"/>
            <a:chOff x="6640330" y="1100246"/>
            <a:chExt cx="796183" cy="608400"/>
          </a:xfrm>
        </p:grpSpPr>
        <p:sp>
          <p:nvSpPr>
            <p:cNvPr id="15" name="Rectangle 14">
              <a:extLst>
                <a:ext uri="{FF2B5EF4-FFF2-40B4-BE49-F238E27FC236}">
                  <a16:creationId xmlns:a16="http://schemas.microsoft.com/office/drawing/2014/main" id="{6C317B95-B623-25E3-D88C-C28CB0477AE7}"/>
                </a:ext>
              </a:extLst>
            </p:cNvPr>
            <p:cNvSpPr/>
            <p:nvPr/>
          </p:nvSpPr>
          <p:spPr>
            <a:xfrm rot="2700000">
              <a:off x="6715572" y="1099615"/>
              <a:ext cx="608400" cy="609662"/>
            </a:xfrm>
            <a:prstGeom prst="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endParaRPr lang="en-GB" sz="1100" dirty="0">
                <a:solidFill>
                  <a:schemeClr val="tx1"/>
                </a:solidFill>
              </a:endParaRPr>
            </a:p>
          </p:txBody>
        </p:sp>
        <mc:AlternateContent xmlns:mc="http://schemas.openxmlformats.org/markup-compatibility/2006">
          <mc:Choice xmlns:a14="http://schemas.microsoft.com/office/drawing/2010/main" Requires="a14">
            <p:sp>
              <p:nvSpPr>
                <p:cNvPr id="24" name="TextBox 23">
                  <a:extLst>
                    <a:ext uri="{FF2B5EF4-FFF2-40B4-BE49-F238E27FC236}">
                      <a16:creationId xmlns:a16="http://schemas.microsoft.com/office/drawing/2014/main" id="{80F7895E-7114-ED50-2ABE-09F29729916A}"/>
                    </a:ext>
                  </a:extLst>
                </p:cNvPr>
                <p:cNvSpPr txBox="1"/>
                <p:nvPr/>
              </p:nvSpPr>
              <p:spPr>
                <a:xfrm>
                  <a:off x="6640330" y="1127529"/>
                  <a:ext cx="796183" cy="500710"/>
                </a:xfrm>
                <a:prstGeom prst="rect">
                  <a:avLst/>
                </a:prstGeom>
                <a:noFill/>
              </p:spPr>
              <p:txBody>
                <a:bodyPr wrap="square" rtlCol="0">
                  <a:spAutoFit/>
                </a:bodyPr>
                <a:lstStyle/>
                <a:p>
                  <a:pPr algn="ctr"/>
                  <a14:m>
                    <m:oMath xmlns:m="http://schemas.openxmlformats.org/officeDocument/2006/math">
                      <m:r>
                        <a:rPr lang="en-GB" sz="1100" b="0" i="1" smtClean="0">
                          <a:solidFill>
                            <a:schemeClr val="tx1"/>
                          </a:solidFill>
                          <a:latin typeface="Cambria Math" panose="02040503050406030204" pitchFamily="18" charset="0"/>
                        </a:rPr>
                        <m:t> </m:t>
                      </m:r>
                      <m:sSub>
                        <m:sSubPr>
                          <m:ctrlPr>
                            <a:rPr lang="en-GB" sz="1100" b="0" i="1" smtClean="0">
                              <a:solidFill>
                                <a:schemeClr val="tx1"/>
                              </a:solidFill>
                              <a:latin typeface="Cambria Math" panose="02040503050406030204" pitchFamily="18" charset="0"/>
                            </a:rPr>
                          </m:ctrlPr>
                        </m:sSubPr>
                        <m:e>
                          <m:r>
                            <a:rPr lang="en-GB" sz="1100" b="0" i="1" smtClean="0">
                              <a:solidFill>
                                <a:schemeClr val="tx1"/>
                              </a:solidFill>
                              <a:latin typeface="Cambria Math" panose="02040503050406030204" pitchFamily="18" charset="0"/>
                            </a:rPr>
                            <m:t>𝑈</m:t>
                          </m:r>
                        </m:e>
                        <m:sub>
                          <m:r>
                            <a:rPr lang="en-GB" sz="1100" b="0" i="1" smtClean="0">
                              <a:solidFill>
                                <a:schemeClr val="tx1"/>
                              </a:solidFill>
                              <a:latin typeface="Cambria Math" panose="02040503050406030204" pitchFamily="18" charset="0"/>
                            </a:rPr>
                            <m:t>𝑑𝑓</m:t>
                          </m:r>
                          <m:r>
                            <a:rPr lang="en-GB" sz="1100" b="0" i="1" smtClean="0">
                              <a:solidFill>
                                <a:schemeClr val="tx1"/>
                              </a:solidFill>
                              <a:latin typeface="Cambria Math" panose="02040503050406030204" pitchFamily="18" charset="0"/>
                            </a:rPr>
                            <m:t>2</m:t>
                          </m:r>
                        </m:sub>
                      </m:sSub>
                      <m:r>
                        <a:rPr lang="en-GB" sz="1100" b="0" i="1" smtClean="0">
                          <a:solidFill>
                            <a:schemeClr val="tx1"/>
                          </a:solidFill>
                          <a:latin typeface="Cambria Math" panose="02040503050406030204" pitchFamily="18" charset="0"/>
                          <a:ea typeface="Cambria Math" panose="02040503050406030204" pitchFamily="18" charset="0"/>
                        </a:rPr>
                        <m:t>∉</m:t>
                      </m:r>
                      <m:r>
                        <m:rPr>
                          <m:sty m:val="p"/>
                        </m:rPr>
                        <a:rPr lang="en-GB" sz="1100" b="0" i="0" smtClean="0">
                          <a:solidFill>
                            <a:schemeClr val="tx1"/>
                          </a:solidFill>
                          <a:latin typeface="Cambria Math" panose="02040503050406030204" pitchFamily="18" charset="0"/>
                          <a:ea typeface="Cambria Math" panose="02040503050406030204" pitchFamily="18" charset="0"/>
                        </a:rPr>
                        <m:t>train</m:t>
                      </m:r>
                      <m:r>
                        <a:rPr lang="en-GB" sz="1100" b="0" i="0" smtClean="0">
                          <a:solidFill>
                            <a:schemeClr val="tx1"/>
                          </a:solidFill>
                          <a:latin typeface="Cambria Math" panose="02040503050406030204" pitchFamily="18" charset="0"/>
                          <a:ea typeface="Cambria Math" panose="02040503050406030204" pitchFamily="18" charset="0"/>
                        </a:rPr>
                        <m:t> </m:t>
                      </m:r>
                      <m:r>
                        <m:rPr>
                          <m:sty m:val="p"/>
                        </m:rPr>
                        <a:rPr lang="en-GB" sz="1100" b="0" i="0" smtClean="0">
                          <a:solidFill>
                            <a:schemeClr val="tx1"/>
                          </a:solidFill>
                          <a:latin typeface="Cambria Math" panose="02040503050406030204" pitchFamily="18" charset="0"/>
                          <a:ea typeface="Cambria Math" panose="02040503050406030204" pitchFamily="18" charset="0"/>
                        </a:rPr>
                        <m:t>set</m:t>
                      </m:r>
                    </m:oMath>
                  </a14:m>
                  <a:r>
                    <a:rPr lang="en-GB" sz="1100" dirty="0">
                      <a:solidFill>
                        <a:schemeClr val="tx1"/>
                      </a:solidFill>
                    </a:rPr>
                    <a:t> </a:t>
                  </a:r>
                </a:p>
              </p:txBody>
            </p:sp>
          </mc:Choice>
          <mc:Fallback>
            <p:sp>
              <p:nvSpPr>
                <p:cNvPr id="24" name="TextBox 23">
                  <a:extLst>
                    <a:ext uri="{FF2B5EF4-FFF2-40B4-BE49-F238E27FC236}">
                      <a16:creationId xmlns:a16="http://schemas.microsoft.com/office/drawing/2014/main" id="{80F7895E-7114-ED50-2ABE-09F29729916A}"/>
                    </a:ext>
                  </a:extLst>
                </p:cNvPr>
                <p:cNvSpPr txBox="1">
                  <a:spLocks noRot="1" noChangeAspect="1" noMove="1" noResize="1" noEditPoints="1" noAdjustHandles="1" noChangeArrowheads="1" noChangeShapeType="1" noTextEdit="1"/>
                </p:cNvSpPr>
                <p:nvPr/>
              </p:nvSpPr>
              <p:spPr>
                <a:xfrm>
                  <a:off x="6640330" y="1127529"/>
                  <a:ext cx="796183" cy="500710"/>
                </a:xfrm>
                <a:prstGeom prst="rect">
                  <a:avLst/>
                </a:prstGeom>
                <a:blipFill>
                  <a:blip r:embed="rId10"/>
                  <a:stretch>
                    <a:fillRect b="-2778"/>
                  </a:stretch>
                </a:blipFill>
              </p:spPr>
              <p:txBody>
                <a:bodyPr/>
                <a:lstStyle/>
                <a:p>
                  <a:r>
                    <a:rPr lang="en-US">
                      <a:noFill/>
                    </a:rPr>
                    <a:t> </a:t>
                  </a:r>
                </a:p>
              </p:txBody>
            </p:sp>
          </mc:Fallback>
        </mc:AlternateContent>
      </p:grpSp>
      <p:cxnSp>
        <p:nvCxnSpPr>
          <p:cNvPr id="49" name="Straight Arrow Connector 48">
            <a:extLst>
              <a:ext uri="{FF2B5EF4-FFF2-40B4-BE49-F238E27FC236}">
                <a16:creationId xmlns:a16="http://schemas.microsoft.com/office/drawing/2014/main" id="{D4D1AEFB-7C4B-DBD2-504C-61ABEF83B60A}"/>
              </a:ext>
            </a:extLst>
          </p:cNvPr>
          <p:cNvCxnSpPr>
            <a:cxnSpLocks/>
            <a:stCxn id="9" idx="3"/>
          </p:cNvCxnSpPr>
          <p:nvPr/>
        </p:nvCxnSpPr>
        <p:spPr>
          <a:xfrm>
            <a:off x="6065559" y="1430573"/>
            <a:ext cx="639446" cy="0"/>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54" name="Straight Arrow Connector 53">
            <a:extLst>
              <a:ext uri="{FF2B5EF4-FFF2-40B4-BE49-F238E27FC236}">
                <a16:creationId xmlns:a16="http://schemas.microsoft.com/office/drawing/2014/main" id="{7309EFDD-8BEB-03E4-368F-6EC4B839387A}"/>
              </a:ext>
            </a:extLst>
          </p:cNvPr>
          <p:cNvCxnSpPr/>
          <p:nvPr/>
        </p:nvCxnSpPr>
        <p:spPr>
          <a:xfrm>
            <a:off x="6065559" y="2266919"/>
            <a:ext cx="639446" cy="0"/>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55" name="Straight Arrow Connector 54">
            <a:extLst>
              <a:ext uri="{FF2B5EF4-FFF2-40B4-BE49-F238E27FC236}">
                <a16:creationId xmlns:a16="http://schemas.microsoft.com/office/drawing/2014/main" id="{6462B5BE-3893-2F5A-F803-2454F91BE69D}"/>
              </a:ext>
            </a:extLst>
          </p:cNvPr>
          <p:cNvCxnSpPr/>
          <p:nvPr/>
        </p:nvCxnSpPr>
        <p:spPr>
          <a:xfrm>
            <a:off x="6076126" y="3103266"/>
            <a:ext cx="639446" cy="0"/>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56" name="Straight Arrow Connector 55">
            <a:extLst>
              <a:ext uri="{FF2B5EF4-FFF2-40B4-BE49-F238E27FC236}">
                <a16:creationId xmlns:a16="http://schemas.microsoft.com/office/drawing/2014/main" id="{9F019B10-1150-D0DE-AE6F-8ECA68BEA0A3}"/>
              </a:ext>
            </a:extLst>
          </p:cNvPr>
          <p:cNvCxnSpPr/>
          <p:nvPr/>
        </p:nvCxnSpPr>
        <p:spPr>
          <a:xfrm>
            <a:off x="6076126" y="3957935"/>
            <a:ext cx="639446" cy="0"/>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2B07BD1C-A1F2-4219-550B-DDD5F4A6DA19}"/>
              </a:ext>
            </a:extLst>
          </p:cNvPr>
          <p:cNvCxnSpPr>
            <a:cxnSpLocks/>
            <a:endCxn id="19" idx="1"/>
          </p:cNvCxnSpPr>
          <p:nvPr/>
        </p:nvCxnSpPr>
        <p:spPr>
          <a:xfrm>
            <a:off x="7464415" y="1430573"/>
            <a:ext cx="524627" cy="3603"/>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grpSp>
        <p:nvGrpSpPr>
          <p:cNvPr id="17" name="Group 16">
            <a:extLst>
              <a:ext uri="{FF2B5EF4-FFF2-40B4-BE49-F238E27FC236}">
                <a16:creationId xmlns:a16="http://schemas.microsoft.com/office/drawing/2014/main" id="{02ECA487-0DF5-4D3A-A17C-B22299744EE3}"/>
              </a:ext>
            </a:extLst>
          </p:cNvPr>
          <p:cNvGrpSpPr>
            <a:grpSpLocks noChangeAspect="1"/>
          </p:cNvGrpSpPr>
          <p:nvPr/>
        </p:nvGrpSpPr>
        <p:grpSpPr>
          <a:xfrm>
            <a:off x="6759207" y="1990181"/>
            <a:ext cx="705208" cy="540000"/>
            <a:chOff x="6640330" y="1100246"/>
            <a:chExt cx="796183" cy="608400"/>
          </a:xfrm>
        </p:grpSpPr>
        <p:sp>
          <p:nvSpPr>
            <p:cNvPr id="18" name="Rectangle 17">
              <a:extLst>
                <a:ext uri="{FF2B5EF4-FFF2-40B4-BE49-F238E27FC236}">
                  <a16:creationId xmlns:a16="http://schemas.microsoft.com/office/drawing/2014/main" id="{26666E43-B65D-9BF2-3FCF-A6E834DD90B8}"/>
                </a:ext>
              </a:extLst>
            </p:cNvPr>
            <p:cNvSpPr/>
            <p:nvPr/>
          </p:nvSpPr>
          <p:spPr>
            <a:xfrm rot="2700000">
              <a:off x="6715572" y="1099615"/>
              <a:ext cx="608400" cy="609662"/>
            </a:xfrm>
            <a:prstGeom prst="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endParaRPr lang="en-GB" sz="1100" dirty="0">
                <a:solidFill>
                  <a:schemeClr val="tx1"/>
                </a:solidFill>
              </a:endParaRPr>
            </a:p>
          </p:txBody>
        </p:sp>
        <mc:AlternateContent xmlns:mc="http://schemas.openxmlformats.org/markup-compatibility/2006">
          <mc:Choice xmlns:a14="http://schemas.microsoft.com/office/drawing/2010/main" Requires="a14">
            <p:sp>
              <p:nvSpPr>
                <p:cNvPr id="25" name="TextBox 24">
                  <a:extLst>
                    <a:ext uri="{FF2B5EF4-FFF2-40B4-BE49-F238E27FC236}">
                      <a16:creationId xmlns:a16="http://schemas.microsoft.com/office/drawing/2014/main" id="{1C1880DE-C3AF-23CF-98BB-FFCB520C01CD}"/>
                    </a:ext>
                  </a:extLst>
                </p:cNvPr>
                <p:cNvSpPr txBox="1"/>
                <p:nvPr/>
              </p:nvSpPr>
              <p:spPr>
                <a:xfrm>
                  <a:off x="6640330" y="1127529"/>
                  <a:ext cx="796183" cy="500710"/>
                </a:xfrm>
                <a:prstGeom prst="rect">
                  <a:avLst/>
                </a:prstGeom>
                <a:noFill/>
              </p:spPr>
              <p:txBody>
                <a:bodyPr wrap="square" rtlCol="0">
                  <a:spAutoFit/>
                </a:bodyPr>
                <a:lstStyle/>
                <a:p>
                  <a:pPr algn="ctr"/>
                  <a14:m>
                    <m:oMath xmlns:m="http://schemas.openxmlformats.org/officeDocument/2006/math">
                      <m:sSub>
                        <m:sSubPr>
                          <m:ctrlPr>
                            <a:rPr lang="en-GB" sz="1100" b="0" i="1" smtClean="0">
                              <a:solidFill>
                                <a:schemeClr val="tx1"/>
                              </a:solidFill>
                              <a:latin typeface="Cambria Math" panose="02040503050406030204" pitchFamily="18" charset="0"/>
                            </a:rPr>
                          </m:ctrlPr>
                        </m:sSubPr>
                        <m:e>
                          <m:r>
                            <a:rPr lang="en-GB" sz="1100" b="0" i="1" smtClean="0">
                              <a:solidFill>
                                <a:schemeClr val="tx1"/>
                              </a:solidFill>
                              <a:latin typeface="Cambria Math" panose="02040503050406030204" pitchFamily="18" charset="0"/>
                            </a:rPr>
                            <m:t>𝑈</m:t>
                          </m:r>
                        </m:e>
                        <m:sub>
                          <m:r>
                            <a:rPr lang="en-GB" sz="1100" b="0" i="1" smtClean="0">
                              <a:solidFill>
                                <a:schemeClr val="tx1"/>
                              </a:solidFill>
                              <a:latin typeface="Cambria Math" panose="02040503050406030204" pitchFamily="18" charset="0"/>
                            </a:rPr>
                            <m:t>𝑑𝑓</m:t>
                          </m:r>
                          <m:r>
                            <a:rPr lang="en-GB" sz="1100" b="0" i="1" smtClean="0">
                              <a:solidFill>
                                <a:schemeClr val="tx1"/>
                              </a:solidFill>
                              <a:latin typeface="Cambria Math" panose="02040503050406030204" pitchFamily="18" charset="0"/>
                            </a:rPr>
                            <m:t>3</m:t>
                          </m:r>
                        </m:sub>
                      </m:sSub>
                      <m:r>
                        <a:rPr lang="en-GB" sz="1100" b="0" i="1" smtClean="0">
                          <a:solidFill>
                            <a:schemeClr val="tx1"/>
                          </a:solidFill>
                          <a:latin typeface="Cambria Math" panose="02040503050406030204" pitchFamily="18" charset="0"/>
                          <a:ea typeface="Cambria Math" panose="02040503050406030204" pitchFamily="18" charset="0"/>
                        </a:rPr>
                        <m:t>∉</m:t>
                      </m:r>
                      <m:r>
                        <m:rPr>
                          <m:sty m:val="p"/>
                        </m:rPr>
                        <a:rPr lang="en-GB" sz="1100" b="0" i="0" smtClean="0">
                          <a:solidFill>
                            <a:schemeClr val="tx1"/>
                          </a:solidFill>
                          <a:latin typeface="Cambria Math" panose="02040503050406030204" pitchFamily="18" charset="0"/>
                          <a:ea typeface="Cambria Math" panose="02040503050406030204" pitchFamily="18" charset="0"/>
                        </a:rPr>
                        <m:t>train</m:t>
                      </m:r>
                      <m:r>
                        <a:rPr lang="en-GB" sz="1100" b="0" i="0" smtClean="0">
                          <a:solidFill>
                            <a:schemeClr val="tx1"/>
                          </a:solidFill>
                          <a:latin typeface="Cambria Math" panose="02040503050406030204" pitchFamily="18" charset="0"/>
                          <a:ea typeface="Cambria Math" panose="02040503050406030204" pitchFamily="18" charset="0"/>
                        </a:rPr>
                        <m:t> </m:t>
                      </m:r>
                      <m:r>
                        <m:rPr>
                          <m:sty m:val="p"/>
                        </m:rPr>
                        <a:rPr lang="en-GB" sz="1100" b="0" i="0" smtClean="0">
                          <a:solidFill>
                            <a:schemeClr val="tx1"/>
                          </a:solidFill>
                          <a:latin typeface="Cambria Math" panose="02040503050406030204" pitchFamily="18" charset="0"/>
                          <a:ea typeface="Cambria Math" panose="02040503050406030204" pitchFamily="18" charset="0"/>
                        </a:rPr>
                        <m:t>set</m:t>
                      </m:r>
                    </m:oMath>
                  </a14:m>
                  <a:r>
                    <a:rPr lang="en-GB" sz="1100" dirty="0">
                      <a:solidFill>
                        <a:schemeClr val="tx1"/>
                      </a:solidFill>
                    </a:rPr>
                    <a:t> </a:t>
                  </a:r>
                </a:p>
              </p:txBody>
            </p:sp>
          </mc:Choice>
          <mc:Fallback>
            <p:sp>
              <p:nvSpPr>
                <p:cNvPr id="25" name="TextBox 24">
                  <a:extLst>
                    <a:ext uri="{FF2B5EF4-FFF2-40B4-BE49-F238E27FC236}">
                      <a16:creationId xmlns:a16="http://schemas.microsoft.com/office/drawing/2014/main" id="{1C1880DE-C3AF-23CF-98BB-FFCB520C01CD}"/>
                    </a:ext>
                  </a:extLst>
                </p:cNvPr>
                <p:cNvSpPr txBox="1">
                  <a:spLocks noRot="1" noChangeAspect="1" noMove="1" noResize="1" noEditPoints="1" noAdjustHandles="1" noChangeArrowheads="1" noChangeShapeType="1" noTextEdit="1"/>
                </p:cNvSpPr>
                <p:nvPr/>
              </p:nvSpPr>
              <p:spPr>
                <a:xfrm>
                  <a:off x="6640330" y="1127529"/>
                  <a:ext cx="796183" cy="500710"/>
                </a:xfrm>
                <a:prstGeom prst="rect">
                  <a:avLst/>
                </a:prstGeom>
                <a:blipFill>
                  <a:blip r:embed="rId11"/>
                  <a:stretch>
                    <a:fillRect b="-2778"/>
                  </a:stretch>
                </a:blipFill>
              </p:spPr>
              <p:txBody>
                <a:bodyPr/>
                <a:lstStyle/>
                <a:p>
                  <a:r>
                    <a:rPr lang="en-US">
                      <a:noFill/>
                    </a:rPr>
                    <a:t> </a:t>
                  </a:r>
                </a:p>
              </p:txBody>
            </p:sp>
          </mc:Fallback>
        </mc:AlternateContent>
      </p:grpSp>
      <p:grpSp>
        <p:nvGrpSpPr>
          <p:cNvPr id="27" name="Group 26">
            <a:extLst>
              <a:ext uri="{FF2B5EF4-FFF2-40B4-BE49-F238E27FC236}">
                <a16:creationId xmlns:a16="http://schemas.microsoft.com/office/drawing/2014/main" id="{FA22F8AE-20BD-C8D6-CD6D-6D0D03D3DFB8}"/>
              </a:ext>
            </a:extLst>
          </p:cNvPr>
          <p:cNvGrpSpPr>
            <a:grpSpLocks noChangeAspect="1"/>
          </p:cNvGrpSpPr>
          <p:nvPr/>
        </p:nvGrpSpPr>
        <p:grpSpPr>
          <a:xfrm>
            <a:off x="6755782" y="2833266"/>
            <a:ext cx="705208" cy="540000"/>
            <a:chOff x="6640330" y="1100246"/>
            <a:chExt cx="796183" cy="608400"/>
          </a:xfrm>
        </p:grpSpPr>
        <p:sp>
          <p:nvSpPr>
            <p:cNvPr id="28" name="Rectangle 27">
              <a:extLst>
                <a:ext uri="{FF2B5EF4-FFF2-40B4-BE49-F238E27FC236}">
                  <a16:creationId xmlns:a16="http://schemas.microsoft.com/office/drawing/2014/main" id="{D555B0FF-9945-0B08-73BB-7227205CBC42}"/>
                </a:ext>
              </a:extLst>
            </p:cNvPr>
            <p:cNvSpPr/>
            <p:nvPr/>
          </p:nvSpPr>
          <p:spPr>
            <a:xfrm rot="2700000">
              <a:off x="6715572" y="1099615"/>
              <a:ext cx="608400" cy="609662"/>
            </a:xfrm>
            <a:prstGeom prst="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endParaRPr lang="en-GB" sz="1100" dirty="0">
                <a:solidFill>
                  <a:schemeClr val="tx1"/>
                </a:solidFill>
              </a:endParaRPr>
            </a:p>
          </p:txBody>
        </p:sp>
        <mc:AlternateContent xmlns:mc="http://schemas.openxmlformats.org/markup-compatibility/2006">
          <mc:Choice xmlns:a14="http://schemas.microsoft.com/office/drawing/2010/main" Requires="a14">
            <p:sp>
              <p:nvSpPr>
                <p:cNvPr id="29" name="TextBox 28">
                  <a:extLst>
                    <a:ext uri="{FF2B5EF4-FFF2-40B4-BE49-F238E27FC236}">
                      <a16:creationId xmlns:a16="http://schemas.microsoft.com/office/drawing/2014/main" id="{B46B0EE7-BCD2-ABF2-D155-654BB5809150}"/>
                    </a:ext>
                  </a:extLst>
                </p:cNvPr>
                <p:cNvSpPr txBox="1"/>
                <p:nvPr/>
              </p:nvSpPr>
              <p:spPr>
                <a:xfrm>
                  <a:off x="6640330" y="1127529"/>
                  <a:ext cx="796183" cy="500710"/>
                </a:xfrm>
                <a:prstGeom prst="rect">
                  <a:avLst/>
                </a:prstGeom>
                <a:noFill/>
              </p:spPr>
              <p:txBody>
                <a:bodyPr wrap="square" rtlCol="0">
                  <a:spAutoFit/>
                </a:bodyPr>
                <a:lstStyle/>
                <a:p>
                  <a:pPr algn="ctr"/>
                  <a14:m>
                    <m:oMath xmlns:m="http://schemas.openxmlformats.org/officeDocument/2006/math">
                      <m:sSub>
                        <m:sSubPr>
                          <m:ctrlPr>
                            <a:rPr lang="en-GB" sz="1100" b="0" i="1" smtClean="0">
                              <a:solidFill>
                                <a:schemeClr val="tx1"/>
                              </a:solidFill>
                              <a:latin typeface="Cambria Math" panose="02040503050406030204" pitchFamily="18" charset="0"/>
                            </a:rPr>
                          </m:ctrlPr>
                        </m:sSubPr>
                        <m:e>
                          <m:r>
                            <a:rPr lang="en-GB" sz="1100" b="0" i="1" smtClean="0">
                              <a:solidFill>
                                <a:schemeClr val="tx1"/>
                              </a:solidFill>
                              <a:latin typeface="Cambria Math" panose="02040503050406030204" pitchFamily="18" charset="0"/>
                            </a:rPr>
                            <m:t>𝑈</m:t>
                          </m:r>
                        </m:e>
                        <m:sub>
                          <m:r>
                            <a:rPr lang="en-GB" sz="1100" b="0" i="1" smtClean="0">
                              <a:solidFill>
                                <a:schemeClr val="tx1"/>
                              </a:solidFill>
                              <a:latin typeface="Cambria Math" panose="02040503050406030204" pitchFamily="18" charset="0"/>
                            </a:rPr>
                            <m:t>𝑑𝑓</m:t>
                          </m:r>
                          <m:r>
                            <a:rPr lang="en-GB" sz="1100" b="0" i="1" smtClean="0">
                              <a:solidFill>
                                <a:schemeClr val="tx1"/>
                              </a:solidFill>
                              <a:latin typeface="Cambria Math" panose="02040503050406030204" pitchFamily="18" charset="0"/>
                            </a:rPr>
                            <m:t>4</m:t>
                          </m:r>
                        </m:sub>
                      </m:sSub>
                      <m:r>
                        <a:rPr lang="en-GB" sz="1100" b="0" i="1" smtClean="0">
                          <a:solidFill>
                            <a:schemeClr val="tx1"/>
                          </a:solidFill>
                          <a:latin typeface="Cambria Math" panose="02040503050406030204" pitchFamily="18" charset="0"/>
                          <a:ea typeface="Cambria Math" panose="02040503050406030204" pitchFamily="18" charset="0"/>
                        </a:rPr>
                        <m:t>∉</m:t>
                      </m:r>
                      <m:r>
                        <m:rPr>
                          <m:sty m:val="p"/>
                        </m:rPr>
                        <a:rPr lang="en-GB" sz="1100" b="0" i="0" smtClean="0">
                          <a:solidFill>
                            <a:schemeClr val="tx1"/>
                          </a:solidFill>
                          <a:latin typeface="Cambria Math" panose="02040503050406030204" pitchFamily="18" charset="0"/>
                          <a:ea typeface="Cambria Math" panose="02040503050406030204" pitchFamily="18" charset="0"/>
                        </a:rPr>
                        <m:t>train</m:t>
                      </m:r>
                      <m:r>
                        <a:rPr lang="en-GB" sz="1100" b="0" i="0" smtClean="0">
                          <a:solidFill>
                            <a:schemeClr val="tx1"/>
                          </a:solidFill>
                          <a:latin typeface="Cambria Math" panose="02040503050406030204" pitchFamily="18" charset="0"/>
                          <a:ea typeface="Cambria Math" panose="02040503050406030204" pitchFamily="18" charset="0"/>
                        </a:rPr>
                        <m:t> </m:t>
                      </m:r>
                      <m:r>
                        <m:rPr>
                          <m:sty m:val="p"/>
                        </m:rPr>
                        <a:rPr lang="en-GB" sz="1100" b="0" i="0" smtClean="0">
                          <a:solidFill>
                            <a:schemeClr val="tx1"/>
                          </a:solidFill>
                          <a:latin typeface="Cambria Math" panose="02040503050406030204" pitchFamily="18" charset="0"/>
                          <a:ea typeface="Cambria Math" panose="02040503050406030204" pitchFamily="18" charset="0"/>
                        </a:rPr>
                        <m:t>set</m:t>
                      </m:r>
                    </m:oMath>
                  </a14:m>
                  <a:r>
                    <a:rPr lang="en-GB" sz="1100" dirty="0">
                      <a:solidFill>
                        <a:schemeClr val="tx1"/>
                      </a:solidFill>
                    </a:rPr>
                    <a:t> </a:t>
                  </a:r>
                </a:p>
              </p:txBody>
            </p:sp>
          </mc:Choice>
          <mc:Fallback>
            <p:sp>
              <p:nvSpPr>
                <p:cNvPr id="29" name="TextBox 28">
                  <a:extLst>
                    <a:ext uri="{FF2B5EF4-FFF2-40B4-BE49-F238E27FC236}">
                      <a16:creationId xmlns:a16="http://schemas.microsoft.com/office/drawing/2014/main" id="{B46B0EE7-BCD2-ABF2-D155-654BB5809150}"/>
                    </a:ext>
                  </a:extLst>
                </p:cNvPr>
                <p:cNvSpPr txBox="1">
                  <a:spLocks noRot="1" noChangeAspect="1" noMove="1" noResize="1" noEditPoints="1" noAdjustHandles="1" noChangeArrowheads="1" noChangeShapeType="1" noTextEdit="1"/>
                </p:cNvSpPr>
                <p:nvPr/>
              </p:nvSpPr>
              <p:spPr>
                <a:xfrm>
                  <a:off x="6640330" y="1127529"/>
                  <a:ext cx="796183" cy="500710"/>
                </a:xfrm>
                <a:prstGeom prst="rect">
                  <a:avLst/>
                </a:prstGeom>
                <a:blipFill>
                  <a:blip r:embed="rId12"/>
                  <a:stretch>
                    <a:fillRect/>
                  </a:stretch>
                </a:blipFill>
              </p:spPr>
              <p:txBody>
                <a:bodyPr/>
                <a:lstStyle/>
                <a:p>
                  <a:r>
                    <a:rPr lang="en-US">
                      <a:noFill/>
                    </a:rPr>
                    <a:t> </a:t>
                  </a:r>
                </a:p>
              </p:txBody>
            </p:sp>
          </mc:Fallback>
        </mc:AlternateContent>
      </p:grpSp>
      <p:grpSp>
        <p:nvGrpSpPr>
          <p:cNvPr id="30" name="Group 29">
            <a:extLst>
              <a:ext uri="{FF2B5EF4-FFF2-40B4-BE49-F238E27FC236}">
                <a16:creationId xmlns:a16="http://schemas.microsoft.com/office/drawing/2014/main" id="{890C0D5F-960C-81A6-2A8C-ECE29D7EACA0}"/>
              </a:ext>
            </a:extLst>
          </p:cNvPr>
          <p:cNvGrpSpPr>
            <a:grpSpLocks noChangeAspect="1"/>
          </p:cNvGrpSpPr>
          <p:nvPr/>
        </p:nvGrpSpPr>
        <p:grpSpPr>
          <a:xfrm>
            <a:off x="6765072" y="3683921"/>
            <a:ext cx="705208" cy="540000"/>
            <a:chOff x="6640330" y="1100246"/>
            <a:chExt cx="796183" cy="608400"/>
          </a:xfrm>
        </p:grpSpPr>
        <p:sp>
          <p:nvSpPr>
            <p:cNvPr id="31" name="Rectangle 30">
              <a:extLst>
                <a:ext uri="{FF2B5EF4-FFF2-40B4-BE49-F238E27FC236}">
                  <a16:creationId xmlns:a16="http://schemas.microsoft.com/office/drawing/2014/main" id="{ADA60560-94B6-439D-E762-579DC20EB286}"/>
                </a:ext>
              </a:extLst>
            </p:cNvPr>
            <p:cNvSpPr/>
            <p:nvPr/>
          </p:nvSpPr>
          <p:spPr>
            <a:xfrm rot="2700000">
              <a:off x="6715572" y="1099615"/>
              <a:ext cx="608400" cy="609662"/>
            </a:xfrm>
            <a:prstGeom prst="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endParaRPr lang="en-GB" sz="1100" dirty="0">
                <a:solidFill>
                  <a:schemeClr val="tx1"/>
                </a:solidFill>
              </a:endParaRPr>
            </a:p>
          </p:txBody>
        </p:sp>
        <mc:AlternateContent xmlns:mc="http://schemas.openxmlformats.org/markup-compatibility/2006">
          <mc:Choice xmlns:a14="http://schemas.microsoft.com/office/drawing/2010/main" Requires="a14">
            <p:sp>
              <p:nvSpPr>
                <p:cNvPr id="32" name="TextBox 31">
                  <a:extLst>
                    <a:ext uri="{FF2B5EF4-FFF2-40B4-BE49-F238E27FC236}">
                      <a16:creationId xmlns:a16="http://schemas.microsoft.com/office/drawing/2014/main" id="{D4C56884-8F53-96C8-07FC-D78E90955399}"/>
                    </a:ext>
                  </a:extLst>
                </p:cNvPr>
                <p:cNvSpPr txBox="1"/>
                <p:nvPr/>
              </p:nvSpPr>
              <p:spPr>
                <a:xfrm>
                  <a:off x="6640330" y="1127529"/>
                  <a:ext cx="796183" cy="500710"/>
                </a:xfrm>
                <a:prstGeom prst="rect">
                  <a:avLst/>
                </a:prstGeom>
                <a:noFill/>
              </p:spPr>
              <p:txBody>
                <a:bodyPr wrap="square" rtlCol="0">
                  <a:spAutoFit/>
                </a:bodyPr>
                <a:lstStyle/>
                <a:p>
                  <a:pPr algn="ctr"/>
                  <a14:m>
                    <m:oMath xmlns:m="http://schemas.openxmlformats.org/officeDocument/2006/math">
                      <m:sSub>
                        <m:sSubPr>
                          <m:ctrlPr>
                            <a:rPr lang="en-GB" sz="1100" b="0" i="1" smtClean="0">
                              <a:solidFill>
                                <a:schemeClr val="tx1"/>
                              </a:solidFill>
                              <a:latin typeface="Cambria Math" panose="02040503050406030204" pitchFamily="18" charset="0"/>
                              <a:ea typeface="Cambria Math" panose="02040503050406030204" pitchFamily="18" charset="0"/>
                            </a:rPr>
                          </m:ctrlPr>
                        </m:sSubPr>
                        <m:e>
                          <m:r>
                            <a:rPr lang="en-GB" sz="1100" b="0" i="1" smtClean="0">
                              <a:solidFill>
                                <a:schemeClr val="tx1"/>
                              </a:solidFill>
                              <a:latin typeface="Cambria Math" panose="02040503050406030204" pitchFamily="18" charset="0"/>
                              <a:ea typeface="Cambria Math" panose="02040503050406030204" pitchFamily="18" charset="0"/>
                            </a:rPr>
                            <m:t>𝑈</m:t>
                          </m:r>
                        </m:e>
                        <m:sub>
                          <m:r>
                            <a:rPr lang="en-GB" sz="1100" b="0" i="1" smtClean="0">
                              <a:solidFill>
                                <a:schemeClr val="tx1"/>
                              </a:solidFill>
                              <a:latin typeface="Cambria Math" panose="02040503050406030204" pitchFamily="18" charset="0"/>
                              <a:ea typeface="Cambria Math" panose="02040503050406030204" pitchFamily="18" charset="0"/>
                            </a:rPr>
                            <m:t>𝑑𝑓</m:t>
                          </m:r>
                          <m:r>
                            <a:rPr lang="en-GB" sz="1100" b="0" i="1" smtClean="0">
                              <a:solidFill>
                                <a:schemeClr val="tx1"/>
                              </a:solidFill>
                              <a:latin typeface="Cambria Math" panose="02040503050406030204" pitchFamily="18" charset="0"/>
                              <a:ea typeface="Cambria Math" panose="02040503050406030204" pitchFamily="18" charset="0"/>
                            </a:rPr>
                            <m:t>5</m:t>
                          </m:r>
                        </m:sub>
                      </m:sSub>
                      <m:r>
                        <a:rPr lang="en-GB" sz="1100" b="0" i="1" smtClean="0">
                          <a:solidFill>
                            <a:schemeClr val="tx1"/>
                          </a:solidFill>
                          <a:latin typeface="Cambria Math" panose="02040503050406030204" pitchFamily="18" charset="0"/>
                          <a:ea typeface="Cambria Math" panose="02040503050406030204" pitchFamily="18" charset="0"/>
                        </a:rPr>
                        <m:t>∉</m:t>
                      </m:r>
                      <m:r>
                        <m:rPr>
                          <m:sty m:val="p"/>
                        </m:rPr>
                        <a:rPr lang="en-GB" sz="1100" b="0" i="0" smtClean="0">
                          <a:solidFill>
                            <a:schemeClr val="tx1"/>
                          </a:solidFill>
                          <a:latin typeface="Cambria Math" panose="02040503050406030204" pitchFamily="18" charset="0"/>
                          <a:ea typeface="Cambria Math" panose="02040503050406030204" pitchFamily="18" charset="0"/>
                        </a:rPr>
                        <m:t>train</m:t>
                      </m:r>
                      <m:r>
                        <a:rPr lang="en-GB" sz="1100" b="0" i="0" smtClean="0">
                          <a:solidFill>
                            <a:schemeClr val="tx1"/>
                          </a:solidFill>
                          <a:latin typeface="Cambria Math" panose="02040503050406030204" pitchFamily="18" charset="0"/>
                          <a:ea typeface="Cambria Math" panose="02040503050406030204" pitchFamily="18" charset="0"/>
                        </a:rPr>
                        <m:t> </m:t>
                      </m:r>
                      <m:r>
                        <m:rPr>
                          <m:sty m:val="p"/>
                        </m:rPr>
                        <a:rPr lang="en-GB" sz="1100" b="0" i="0" smtClean="0">
                          <a:solidFill>
                            <a:schemeClr val="tx1"/>
                          </a:solidFill>
                          <a:latin typeface="Cambria Math" panose="02040503050406030204" pitchFamily="18" charset="0"/>
                          <a:ea typeface="Cambria Math" panose="02040503050406030204" pitchFamily="18" charset="0"/>
                        </a:rPr>
                        <m:t>set</m:t>
                      </m:r>
                    </m:oMath>
                  </a14:m>
                  <a:r>
                    <a:rPr lang="en-GB" sz="1100" dirty="0">
                      <a:solidFill>
                        <a:schemeClr val="tx1"/>
                      </a:solidFill>
                    </a:rPr>
                    <a:t> </a:t>
                  </a:r>
                </a:p>
              </p:txBody>
            </p:sp>
          </mc:Choice>
          <mc:Fallback>
            <p:sp>
              <p:nvSpPr>
                <p:cNvPr id="32" name="TextBox 31">
                  <a:extLst>
                    <a:ext uri="{FF2B5EF4-FFF2-40B4-BE49-F238E27FC236}">
                      <a16:creationId xmlns:a16="http://schemas.microsoft.com/office/drawing/2014/main" id="{D4C56884-8F53-96C8-07FC-D78E90955399}"/>
                    </a:ext>
                  </a:extLst>
                </p:cNvPr>
                <p:cNvSpPr txBox="1">
                  <a:spLocks noRot="1" noChangeAspect="1" noMove="1" noResize="1" noEditPoints="1" noAdjustHandles="1" noChangeArrowheads="1" noChangeShapeType="1" noTextEdit="1"/>
                </p:cNvSpPr>
                <p:nvPr/>
              </p:nvSpPr>
              <p:spPr>
                <a:xfrm>
                  <a:off x="6640330" y="1127529"/>
                  <a:ext cx="796183" cy="500710"/>
                </a:xfrm>
                <a:prstGeom prst="rect">
                  <a:avLst/>
                </a:prstGeom>
                <a:blipFill>
                  <a:blip r:embed="rId13"/>
                  <a:stretch>
                    <a:fillRect b="-2778"/>
                  </a:stretch>
                </a:blipFill>
              </p:spPr>
              <p:txBody>
                <a:bodyPr/>
                <a:lstStyle/>
                <a:p>
                  <a:r>
                    <a:rPr lang="en-US">
                      <a:noFill/>
                    </a:rPr>
                    <a:t> </a:t>
                  </a:r>
                </a:p>
              </p:txBody>
            </p:sp>
          </mc:Fallback>
        </mc:AlternateContent>
      </p:grpSp>
      <p:cxnSp>
        <p:nvCxnSpPr>
          <p:cNvPr id="33" name="Straight Arrow Connector 32">
            <a:extLst>
              <a:ext uri="{FF2B5EF4-FFF2-40B4-BE49-F238E27FC236}">
                <a16:creationId xmlns:a16="http://schemas.microsoft.com/office/drawing/2014/main" id="{1CDC9F1F-8A78-B464-A4D4-688A610C7706}"/>
              </a:ext>
            </a:extLst>
          </p:cNvPr>
          <p:cNvCxnSpPr>
            <a:cxnSpLocks/>
          </p:cNvCxnSpPr>
          <p:nvPr/>
        </p:nvCxnSpPr>
        <p:spPr>
          <a:xfrm>
            <a:off x="7470773" y="2260181"/>
            <a:ext cx="524627" cy="3603"/>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34" name="Straight Arrow Connector 33">
            <a:extLst>
              <a:ext uri="{FF2B5EF4-FFF2-40B4-BE49-F238E27FC236}">
                <a16:creationId xmlns:a16="http://schemas.microsoft.com/office/drawing/2014/main" id="{FD87703C-D1FF-1476-A7DF-68AE614153D9}"/>
              </a:ext>
            </a:extLst>
          </p:cNvPr>
          <p:cNvCxnSpPr>
            <a:cxnSpLocks/>
          </p:cNvCxnSpPr>
          <p:nvPr/>
        </p:nvCxnSpPr>
        <p:spPr>
          <a:xfrm>
            <a:off x="7489845" y="3953921"/>
            <a:ext cx="524627" cy="3603"/>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35" name="Straight Arrow Connector 34">
            <a:extLst>
              <a:ext uri="{FF2B5EF4-FFF2-40B4-BE49-F238E27FC236}">
                <a16:creationId xmlns:a16="http://schemas.microsoft.com/office/drawing/2014/main" id="{EB5C7DBC-02CC-2C16-7101-9584EF1C2F9E}"/>
              </a:ext>
            </a:extLst>
          </p:cNvPr>
          <p:cNvCxnSpPr>
            <a:cxnSpLocks/>
          </p:cNvCxnSpPr>
          <p:nvPr/>
        </p:nvCxnSpPr>
        <p:spPr>
          <a:xfrm>
            <a:off x="7473705" y="3103729"/>
            <a:ext cx="524627" cy="3603"/>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36" name="TextBox 35">
            <a:extLst>
              <a:ext uri="{FF2B5EF4-FFF2-40B4-BE49-F238E27FC236}">
                <a16:creationId xmlns:a16="http://schemas.microsoft.com/office/drawing/2014/main" id="{00F93775-0A67-4781-1F9E-58E82BA70234}"/>
              </a:ext>
            </a:extLst>
          </p:cNvPr>
          <p:cNvSpPr txBox="1"/>
          <p:nvPr/>
        </p:nvSpPr>
        <p:spPr>
          <a:xfrm>
            <a:off x="7532604" y="1178109"/>
            <a:ext cx="388248" cy="300082"/>
          </a:xfrm>
          <a:prstGeom prst="rect">
            <a:avLst/>
          </a:prstGeom>
          <a:noFill/>
          <a:ln>
            <a:noFill/>
          </a:ln>
        </p:spPr>
        <p:txBody>
          <a:bodyPr wrap="none" rtlCol="0">
            <a:spAutoFit/>
          </a:bodyPr>
          <a:lstStyle/>
          <a:p>
            <a:r>
              <a:rPr lang="en-US" i="1" dirty="0"/>
              <a:t>yes</a:t>
            </a:r>
          </a:p>
        </p:txBody>
      </p:sp>
      <p:sp>
        <p:nvSpPr>
          <p:cNvPr id="37" name="TextBox 36">
            <a:extLst>
              <a:ext uri="{FF2B5EF4-FFF2-40B4-BE49-F238E27FC236}">
                <a16:creationId xmlns:a16="http://schemas.microsoft.com/office/drawing/2014/main" id="{99D14B87-C4A1-AE4E-7959-6469475DC709}"/>
              </a:ext>
            </a:extLst>
          </p:cNvPr>
          <p:cNvSpPr txBox="1"/>
          <p:nvPr/>
        </p:nvSpPr>
        <p:spPr>
          <a:xfrm>
            <a:off x="7538962" y="2008347"/>
            <a:ext cx="388248" cy="300082"/>
          </a:xfrm>
          <a:prstGeom prst="rect">
            <a:avLst/>
          </a:prstGeom>
          <a:noFill/>
        </p:spPr>
        <p:txBody>
          <a:bodyPr wrap="none" rtlCol="0">
            <a:spAutoFit/>
          </a:bodyPr>
          <a:lstStyle/>
          <a:p>
            <a:r>
              <a:rPr lang="en-US" i="1" dirty="0"/>
              <a:t>yes</a:t>
            </a:r>
          </a:p>
        </p:txBody>
      </p:sp>
      <p:sp>
        <p:nvSpPr>
          <p:cNvPr id="48" name="TextBox 47">
            <a:extLst>
              <a:ext uri="{FF2B5EF4-FFF2-40B4-BE49-F238E27FC236}">
                <a16:creationId xmlns:a16="http://schemas.microsoft.com/office/drawing/2014/main" id="{C3475E6A-2D27-FB4F-2658-F2DD1E0D14AD}"/>
              </a:ext>
            </a:extLst>
          </p:cNvPr>
          <p:cNvSpPr txBox="1"/>
          <p:nvPr/>
        </p:nvSpPr>
        <p:spPr>
          <a:xfrm>
            <a:off x="7528748" y="2862993"/>
            <a:ext cx="388248" cy="300082"/>
          </a:xfrm>
          <a:prstGeom prst="rect">
            <a:avLst/>
          </a:prstGeom>
          <a:noFill/>
        </p:spPr>
        <p:txBody>
          <a:bodyPr wrap="none" rtlCol="0">
            <a:spAutoFit/>
          </a:bodyPr>
          <a:lstStyle/>
          <a:p>
            <a:r>
              <a:rPr lang="en-US" i="1" dirty="0"/>
              <a:t>yes</a:t>
            </a:r>
          </a:p>
        </p:txBody>
      </p:sp>
      <p:sp>
        <p:nvSpPr>
          <p:cNvPr id="50" name="TextBox 49">
            <a:extLst>
              <a:ext uri="{FF2B5EF4-FFF2-40B4-BE49-F238E27FC236}">
                <a16:creationId xmlns:a16="http://schemas.microsoft.com/office/drawing/2014/main" id="{871F0EBA-9A4E-C141-3709-0B2BCF145E18}"/>
              </a:ext>
            </a:extLst>
          </p:cNvPr>
          <p:cNvSpPr txBox="1"/>
          <p:nvPr/>
        </p:nvSpPr>
        <p:spPr>
          <a:xfrm>
            <a:off x="7538962" y="3705232"/>
            <a:ext cx="388248" cy="300082"/>
          </a:xfrm>
          <a:prstGeom prst="rect">
            <a:avLst/>
          </a:prstGeom>
          <a:noFill/>
          <a:ln>
            <a:noFill/>
          </a:ln>
        </p:spPr>
        <p:txBody>
          <a:bodyPr wrap="none" rtlCol="0">
            <a:spAutoFit/>
          </a:bodyPr>
          <a:lstStyle/>
          <a:p>
            <a:r>
              <a:rPr lang="en-US" i="1" dirty="0"/>
              <a:t>yes</a:t>
            </a:r>
          </a:p>
        </p:txBody>
      </p:sp>
      <p:cxnSp>
        <p:nvCxnSpPr>
          <p:cNvPr id="52" name="Straight Arrow Connector 51">
            <a:extLst>
              <a:ext uri="{FF2B5EF4-FFF2-40B4-BE49-F238E27FC236}">
                <a16:creationId xmlns:a16="http://schemas.microsoft.com/office/drawing/2014/main" id="{17CEC666-9E76-8F1F-40F5-9B865D994592}"/>
              </a:ext>
            </a:extLst>
          </p:cNvPr>
          <p:cNvCxnSpPr>
            <a:cxnSpLocks/>
            <a:stCxn id="7" idx="3"/>
            <a:endCxn id="13" idx="1"/>
          </p:cNvCxnSpPr>
          <p:nvPr/>
        </p:nvCxnSpPr>
        <p:spPr>
          <a:xfrm>
            <a:off x="6065559" y="565290"/>
            <a:ext cx="650013" cy="223"/>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59" name="Curved Connector 58">
            <a:extLst>
              <a:ext uri="{FF2B5EF4-FFF2-40B4-BE49-F238E27FC236}">
                <a16:creationId xmlns:a16="http://schemas.microsoft.com/office/drawing/2014/main" id="{83E56CD4-6D45-3B4E-CD71-CF912B967F20}"/>
              </a:ext>
            </a:extLst>
          </p:cNvPr>
          <p:cNvCxnSpPr>
            <a:cxnSpLocks/>
            <a:stCxn id="7" idx="3"/>
          </p:cNvCxnSpPr>
          <p:nvPr/>
        </p:nvCxnSpPr>
        <p:spPr>
          <a:xfrm flipV="1">
            <a:off x="6065559" y="81160"/>
            <a:ext cx="1027804" cy="484130"/>
          </a:xfrm>
          <a:prstGeom prst="curvedConnector3">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63" name="Curved Connector 62">
            <a:extLst>
              <a:ext uri="{FF2B5EF4-FFF2-40B4-BE49-F238E27FC236}">
                <a16:creationId xmlns:a16="http://schemas.microsoft.com/office/drawing/2014/main" id="{F14CD623-6902-FB60-E988-9E921A1D7B02}"/>
              </a:ext>
            </a:extLst>
          </p:cNvPr>
          <p:cNvCxnSpPr>
            <a:cxnSpLocks/>
            <a:endCxn id="14" idx="1"/>
          </p:cNvCxnSpPr>
          <p:nvPr/>
        </p:nvCxnSpPr>
        <p:spPr>
          <a:xfrm>
            <a:off x="7093363" y="81160"/>
            <a:ext cx="895680" cy="484130"/>
          </a:xfrm>
          <a:prstGeom prst="curvedConnector3">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1071038821"/>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2" name="Picture 31" descr="A picture containing screenshot, diagram, line, colorfulness&#10;&#10;Description automatically generated">
            <a:extLst>
              <a:ext uri="{FF2B5EF4-FFF2-40B4-BE49-F238E27FC236}">
                <a16:creationId xmlns:a16="http://schemas.microsoft.com/office/drawing/2014/main" id="{A8F469CC-5959-8112-BA58-B4C758CC38E1}"/>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4715440" y="984250"/>
            <a:ext cx="4445000" cy="3175000"/>
          </a:xfrm>
          <a:prstGeom prst="rect">
            <a:avLst/>
          </a:prstGeom>
        </p:spPr>
      </p:pic>
      <p:sp>
        <p:nvSpPr>
          <p:cNvPr id="2" name="Title 1">
            <a:extLst>
              <a:ext uri="{FF2B5EF4-FFF2-40B4-BE49-F238E27FC236}">
                <a16:creationId xmlns:a16="http://schemas.microsoft.com/office/drawing/2014/main" id="{4EF9789A-4335-4577-AF25-1CB52F39AA43}"/>
              </a:ext>
            </a:extLst>
          </p:cNvPr>
          <p:cNvSpPr>
            <a:spLocks noGrp="1"/>
          </p:cNvSpPr>
          <p:nvPr>
            <p:ph type="title"/>
          </p:nvPr>
        </p:nvSpPr>
        <p:spPr>
          <a:xfrm>
            <a:off x="358775" y="376238"/>
            <a:ext cx="8426450" cy="609662"/>
          </a:xfrm>
        </p:spPr>
        <p:txBody>
          <a:bodyPr/>
          <a:lstStyle/>
          <a:p>
            <a:r>
              <a:rPr lang="en-GB" dirty="0"/>
              <a:t>Modelling</a:t>
            </a:r>
          </a:p>
        </p:txBody>
      </p:sp>
      <p:sp>
        <p:nvSpPr>
          <p:cNvPr id="25" name="TextBox 24">
            <a:extLst>
              <a:ext uri="{FF2B5EF4-FFF2-40B4-BE49-F238E27FC236}">
                <a16:creationId xmlns:a16="http://schemas.microsoft.com/office/drawing/2014/main" id="{11415A15-1071-D9FD-ABEF-47A538A3F10F}"/>
              </a:ext>
            </a:extLst>
          </p:cNvPr>
          <p:cNvSpPr txBox="1"/>
          <p:nvPr/>
        </p:nvSpPr>
        <p:spPr>
          <a:xfrm>
            <a:off x="243554" y="781297"/>
            <a:ext cx="8319331" cy="276999"/>
          </a:xfrm>
          <a:prstGeom prst="rect">
            <a:avLst/>
          </a:prstGeom>
          <a:noFill/>
        </p:spPr>
        <p:txBody>
          <a:bodyPr wrap="square">
            <a:spAutoFit/>
          </a:bodyPr>
          <a:lstStyle/>
          <a:p>
            <a:pPr>
              <a:spcAft>
                <a:spcPts val="600"/>
              </a:spcAft>
            </a:pPr>
            <a:r>
              <a:rPr lang="en-GB" sz="1200" dirty="0" err="1"/>
              <a:t>XGBoost</a:t>
            </a:r>
            <a:r>
              <a:rPr lang="en-GB" sz="1200" dirty="0"/>
              <a:t> outperforms featureless and logistic regression in terms of AUC ROC</a:t>
            </a:r>
            <a:endParaRPr lang="en-GB" sz="1200" i="1" dirty="0"/>
          </a:p>
        </p:txBody>
      </p:sp>
      <p:sp>
        <p:nvSpPr>
          <p:cNvPr id="28" name="TextBox 27">
            <a:extLst>
              <a:ext uri="{FF2B5EF4-FFF2-40B4-BE49-F238E27FC236}">
                <a16:creationId xmlns:a16="http://schemas.microsoft.com/office/drawing/2014/main" id="{B38BFB4C-40F1-5542-3EBC-73A280B73F00}"/>
              </a:ext>
            </a:extLst>
          </p:cNvPr>
          <p:cNvSpPr txBox="1"/>
          <p:nvPr/>
        </p:nvSpPr>
        <p:spPr>
          <a:xfrm>
            <a:off x="4999289" y="4062121"/>
            <a:ext cx="2956845" cy="923330"/>
          </a:xfrm>
          <a:prstGeom prst="rect">
            <a:avLst/>
          </a:prstGeom>
          <a:noFill/>
        </p:spPr>
        <p:txBody>
          <a:bodyPr wrap="square" rtlCol="0">
            <a:spAutoFit/>
          </a:bodyPr>
          <a:lstStyle/>
          <a:p>
            <a:r>
              <a:rPr lang="en-US" dirty="0">
                <a:solidFill>
                  <a:schemeClr val="bg1"/>
                </a:solidFill>
              </a:rPr>
              <a:t>Accuracy:</a:t>
            </a:r>
          </a:p>
          <a:p>
            <a:pPr marL="285750" indent="-285750">
              <a:buFont typeface="Arial" panose="020B0604020202020204" pitchFamily="34" charset="0"/>
              <a:buChar char="•"/>
            </a:pPr>
            <a:r>
              <a:rPr lang="en-US" dirty="0">
                <a:solidFill>
                  <a:schemeClr val="bg1"/>
                </a:solidFill>
              </a:rPr>
              <a:t>Featureless: 0.56</a:t>
            </a:r>
          </a:p>
          <a:p>
            <a:pPr marL="285750" indent="-285750">
              <a:buFont typeface="Arial" panose="020B0604020202020204" pitchFamily="34" charset="0"/>
              <a:buChar char="•"/>
            </a:pPr>
            <a:r>
              <a:rPr lang="en-US" dirty="0">
                <a:solidFill>
                  <a:schemeClr val="bg1"/>
                </a:solidFill>
              </a:rPr>
              <a:t>Logistic Regression: 0.56</a:t>
            </a:r>
          </a:p>
          <a:p>
            <a:pPr marL="285750" indent="-285750">
              <a:buFont typeface="Arial" panose="020B0604020202020204" pitchFamily="34" charset="0"/>
              <a:buChar char="•"/>
            </a:pPr>
            <a:r>
              <a:rPr lang="en-US" dirty="0">
                <a:solidFill>
                  <a:schemeClr val="bg1"/>
                </a:solidFill>
              </a:rPr>
              <a:t>Boost: 0.74</a:t>
            </a:r>
          </a:p>
        </p:txBody>
      </p:sp>
      <p:sp>
        <p:nvSpPr>
          <p:cNvPr id="33" name="TextBox 32">
            <a:extLst>
              <a:ext uri="{FF2B5EF4-FFF2-40B4-BE49-F238E27FC236}">
                <a16:creationId xmlns:a16="http://schemas.microsoft.com/office/drawing/2014/main" id="{0A680430-ACC9-417C-A447-208596FB5D59}"/>
              </a:ext>
            </a:extLst>
          </p:cNvPr>
          <p:cNvSpPr txBox="1"/>
          <p:nvPr/>
        </p:nvSpPr>
        <p:spPr>
          <a:xfrm>
            <a:off x="358775" y="1912481"/>
            <a:ext cx="4640514" cy="1323439"/>
          </a:xfrm>
          <a:prstGeom prst="rect">
            <a:avLst/>
          </a:prstGeom>
          <a:noFill/>
        </p:spPr>
        <p:txBody>
          <a:bodyPr wrap="square" numCol="1" rtlCol="0" anchor="ctr">
            <a:spAutoFit/>
          </a:bodyPr>
          <a:lstStyle/>
          <a:p>
            <a:pPr marL="285750" indent="-285750">
              <a:buFont typeface="Arial" panose="020B0604020202020204" pitchFamily="34" charset="0"/>
              <a:buChar char="•"/>
            </a:pPr>
            <a:r>
              <a:rPr lang="en-GB" sz="1600" dirty="0"/>
              <a:t>Featureless: predicts majority class</a:t>
            </a:r>
            <a:endParaRPr lang="en-GB" sz="1600" i="1" dirty="0">
              <a:solidFill>
                <a:srgbClr val="333333"/>
              </a:solidFill>
              <a:latin typeface="-apple-system"/>
            </a:endParaRPr>
          </a:p>
          <a:p>
            <a:endParaRPr lang="en-GB" sz="1600" i="1" dirty="0">
              <a:solidFill>
                <a:srgbClr val="333333"/>
              </a:solidFill>
              <a:latin typeface="-apple-system"/>
            </a:endParaRPr>
          </a:p>
          <a:p>
            <a:pPr marL="285750" indent="-285750">
              <a:buFont typeface="Arial" panose="020B0604020202020204" pitchFamily="34" charset="0"/>
              <a:buChar char="•"/>
            </a:pPr>
            <a:r>
              <a:rPr lang="en-GB" sz="1600" dirty="0"/>
              <a:t>Logistic Regression: plain-vanilla logistic regression</a:t>
            </a:r>
          </a:p>
          <a:p>
            <a:pPr marL="285750" indent="-285750">
              <a:buFont typeface="Arial" panose="020B0604020202020204" pitchFamily="34" charset="0"/>
              <a:buChar char="•"/>
            </a:pPr>
            <a:endParaRPr lang="en-GB" sz="1600" dirty="0"/>
          </a:p>
          <a:p>
            <a:pPr marL="285750" indent="-285750">
              <a:buFont typeface="Arial" panose="020B0604020202020204" pitchFamily="34" charset="0"/>
              <a:buChar char="•"/>
            </a:pPr>
            <a:r>
              <a:rPr lang="en-GB" sz="1600" dirty="0" err="1"/>
              <a:t>XGboost</a:t>
            </a:r>
            <a:r>
              <a:rPr lang="en-GB" sz="1600" dirty="0"/>
              <a:t>: untuned </a:t>
            </a:r>
            <a:r>
              <a:rPr lang="en-GB" sz="1600" dirty="0" err="1"/>
              <a:t>XGBoost</a:t>
            </a:r>
            <a:r>
              <a:rPr lang="en-GB" sz="1600" dirty="0"/>
              <a:t> model</a:t>
            </a:r>
          </a:p>
        </p:txBody>
      </p:sp>
    </p:spTree>
    <p:custDataLst>
      <p:custData r:id="rId1"/>
      <p:custData r:id="rId2"/>
    </p:custDataLst>
    <p:extLst>
      <p:ext uri="{BB962C8B-B14F-4D97-AF65-F5344CB8AC3E}">
        <p14:creationId xmlns:p14="http://schemas.microsoft.com/office/powerpoint/2010/main" val="390365766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EF9789A-4335-4577-AF25-1CB52F39AA43}"/>
              </a:ext>
            </a:extLst>
          </p:cNvPr>
          <p:cNvSpPr>
            <a:spLocks noGrp="1"/>
          </p:cNvSpPr>
          <p:nvPr>
            <p:ph type="title"/>
          </p:nvPr>
        </p:nvSpPr>
        <p:spPr>
          <a:xfrm>
            <a:off x="358775" y="376238"/>
            <a:ext cx="8426450" cy="609662"/>
          </a:xfrm>
        </p:spPr>
        <p:txBody>
          <a:bodyPr/>
          <a:lstStyle/>
          <a:p>
            <a:pPr lvl="0"/>
            <a:r>
              <a:rPr lang="en-GB" sz="2000" dirty="0"/>
              <a:t>RQ1: Which psycholinguistic characteristics are  predictors of users’ probability of sharing (un)trustworthy news sources?</a:t>
            </a:r>
          </a:p>
        </p:txBody>
      </p:sp>
      <p:sp>
        <p:nvSpPr>
          <p:cNvPr id="6" name="Textfeld 2">
            <a:extLst>
              <a:ext uri="{FF2B5EF4-FFF2-40B4-BE49-F238E27FC236}">
                <a16:creationId xmlns:a16="http://schemas.microsoft.com/office/drawing/2014/main" id="{1D0E44E4-11F2-FC77-2854-4F3DAABF71B3}"/>
              </a:ext>
            </a:extLst>
          </p:cNvPr>
          <p:cNvSpPr txBox="1"/>
          <p:nvPr/>
        </p:nvSpPr>
        <p:spPr>
          <a:xfrm>
            <a:off x="259238" y="1786920"/>
            <a:ext cx="4442381" cy="1569660"/>
          </a:xfrm>
          <a:prstGeom prst="rect">
            <a:avLst/>
          </a:prstGeom>
          <a:noFill/>
        </p:spPr>
        <p:txBody>
          <a:bodyPr wrap="square" rtlCol="0">
            <a:spAutoFit/>
          </a:bodyPr>
          <a:lstStyle/>
          <a:p>
            <a:pPr rtl="0"/>
            <a:r>
              <a:rPr lang="en-US" sz="1600" dirty="0">
                <a:effectLst/>
              </a:rPr>
              <a:t>The sign of the value will indicate the direction of the contribution: </a:t>
            </a:r>
          </a:p>
          <a:p>
            <a:pPr marL="285750" indent="-285750">
              <a:buFont typeface="Wingdings" panose="05000000000000000000" pitchFamily="2" charset="2"/>
              <a:buChar char="Ø"/>
            </a:pPr>
            <a:r>
              <a:rPr lang="en-US" sz="1600" dirty="0"/>
              <a:t>P</a:t>
            </a:r>
            <a:r>
              <a:rPr lang="en-US" sz="1600" dirty="0">
                <a:effectLst/>
              </a:rPr>
              <a:t>ositive sign </a:t>
            </a:r>
            <a:r>
              <a:rPr lang="en-US" sz="1600" dirty="0">
                <a:effectLst/>
                <a:sym typeface="Wingdings" pitchFamily="2" charset="2"/>
              </a:rPr>
              <a:t></a:t>
            </a:r>
            <a:r>
              <a:rPr lang="en-US" sz="1600" dirty="0">
                <a:effectLst/>
              </a:rPr>
              <a:t> decreased probability of sharing misinformation;</a:t>
            </a:r>
          </a:p>
          <a:p>
            <a:pPr marL="285750" indent="-285750">
              <a:buFont typeface="Wingdings" panose="05000000000000000000" pitchFamily="2" charset="2"/>
              <a:buChar char="Ø"/>
            </a:pPr>
            <a:r>
              <a:rPr lang="en-US" sz="1600" dirty="0"/>
              <a:t>Negative</a:t>
            </a:r>
            <a:r>
              <a:rPr lang="en-US" sz="1600" dirty="0">
                <a:effectLst/>
              </a:rPr>
              <a:t> sign </a:t>
            </a:r>
            <a:r>
              <a:rPr lang="en-US" sz="1600" dirty="0">
                <a:effectLst/>
                <a:sym typeface="Wingdings" pitchFamily="2" charset="2"/>
              </a:rPr>
              <a:t></a:t>
            </a:r>
            <a:r>
              <a:rPr lang="en-US" sz="1600" dirty="0">
                <a:effectLst/>
              </a:rPr>
              <a:t> increased probability of sharing misinformation.</a:t>
            </a:r>
          </a:p>
        </p:txBody>
      </p:sp>
      <p:pic>
        <p:nvPicPr>
          <p:cNvPr id="10" name="Picture 9" descr="A picture containing text, screenshot, plot, line&#10;&#10;Description automatically generated">
            <a:extLst>
              <a:ext uri="{FF2B5EF4-FFF2-40B4-BE49-F238E27FC236}">
                <a16:creationId xmlns:a16="http://schemas.microsoft.com/office/drawing/2014/main" id="{BB1AC977-D075-14B9-6C23-D1D01BD50CF8}"/>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4701619" y="966650"/>
            <a:ext cx="4442381" cy="3245085"/>
          </a:xfrm>
          <a:prstGeom prst="rect">
            <a:avLst/>
          </a:prstGeom>
        </p:spPr>
      </p:pic>
    </p:spTree>
    <p:custDataLst>
      <p:custData r:id="rId1"/>
      <p:custData r:id="rId2"/>
    </p:custDataLst>
    <p:extLst>
      <p:ext uri="{BB962C8B-B14F-4D97-AF65-F5344CB8AC3E}">
        <p14:creationId xmlns:p14="http://schemas.microsoft.com/office/powerpoint/2010/main" val="295937908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EF9789A-4335-4577-AF25-1CB52F39AA43}"/>
              </a:ext>
            </a:extLst>
          </p:cNvPr>
          <p:cNvSpPr>
            <a:spLocks noGrp="1"/>
          </p:cNvSpPr>
          <p:nvPr>
            <p:ph type="title"/>
          </p:nvPr>
        </p:nvSpPr>
        <p:spPr>
          <a:xfrm>
            <a:off x="358774" y="376238"/>
            <a:ext cx="8577407" cy="609662"/>
          </a:xfrm>
        </p:spPr>
        <p:txBody>
          <a:bodyPr/>
          <a:lstStyle/>
          <a:p>
            <a:r>
              <a:rPr lang="en-GB" sz="2000" dirty="0"/>
              <a:t>RQ2: How does variation of psycholinguistic characteristic predict future sharing behaviour of (un)trustworthy news sources?</a:t>
            </a:r>
          </a:p>
        </p:txBody>
      </p:sp>
      <p:sp>
        <p:nvSpPr>
          <p:cNvPr id="5" name="TextBox 4">
            <a:extLst>
              <a:ext uri="{FF2B5EF4-FFF2-40B4-BE49-F238E27FC236}">
                <a16:creationId xmlns:a16="http://schemas.microsoft.com/office/drawing/2014/main" id="{B14C3A61-187D-092E-AEC0-3157116AA9C2}"/>
              </a:ext>
            </a:extLst>
          </p:cNvPr>
          <p:cNvSpPr txBox="1"/>
          <p:nvPr/>
        </p:nvSpPr>
        <p:spPr>
          <a:xfrm>
            <a:off x="358775" y="1261249"/>
            <a:ext cx="4213225" cy="584775"/>
          </a:xfrm>
          <a:prstGeom prst="rect">
            <a:avLst/>
          </a:prstGeom>
          <a:noFill/>
        </p:spPr>
        <p:txBody>
          <a:bodyPr wrap="square" numCol="1" rtlCol="0" anchor="ctr">
            <a:spAutoFit/>
          </a:bodyPr>
          <a:lstStyle/>
          <a:p>
            <a:endParaRPr lang="en-GB" sz="1600" i="1" dirty="0">
              <a:solidFill>
                <a:srgbClr val="333333"/>
              </a:solidFill>
              <a:latin typeface="-apple-system"/>
            </a:endParaRPr>
          </a:p>
          <a:p>
            <a:endParaRPr lang="en-GB" sz="1600" dirty="0"/>
          </a:p>
        </p:txBody>
      </p:sp>
      <p:sp>
        <p:nvSpPr>
          <p:cNvPr id="6" name="Textfeld 2">
            <a:extLst>
              <a:ext uri="{FF2B5EF4-FFF2-40B4-BE49-F238E27FC236}">
                <a16:creationId xmlns:a16="http://schemas.microsoft.com/office/drawing/2014/main" id="{1D0E44E4-11F2-FC77-2854-4F3DAABF71B3}"/>
              </a:ext>
            </a:extLst>
          </p:cNvPr>
          <p:cNvSpPr txBox="1"/>
          <p:nvPr/>
        </p:nvSpPr>
        <p:spPr>
          <a:xfrm>
            <a:off x="258631" y="1296928"/>
            <a:ext cx="4213225" cy="3254737"/>
          </a:xfrm>
          <a:prstGeom prst="rect">
            <a:avLst/>
          </a:prstGeom>
          <a:noFill/>
        </p:spPr>
        <p:txBody>
          <a:bodyPr wrap="square" rtlCol="0">
            <a:spAutoFit/>
          </a:bodyPr>
          <a:lstStyle/>
          <a:p>
            <a:pPr marL="285750" indent="-285750" rtl="0">
              <a:buFont typeface="Arial" panose="020B0604020202020204" pitchFamily="34" charset="0"/>
              <a:buChar char="•"/>
            </a:pPr>
            <a:r>
              <a:rPr lang="en-US" sz="1600" dirty="0"/>
              <a:t>U</a:t>
            </a:r>
            <a:r>
              <a:rPr lang="en-US" sz="1600" dirty="0">
                <a:effectLst/>
              </a:rPr>
              <a:t>nreliable news source sharing probability over time: </a:t>
            </a:r>
          </a:p>
          <a:p>
            <a:pPr marL="628650" lvl="1" indent="-285750">
              <a:buFont typeface="Wingdings" panose="05000000000000000000" pitchFamily="2" charset="2"/>
              <a:buChar char="Ø"/>
            </a:pPr>
            <a:r>
              <a:rPr lang="en-US" sz="1600" dirty="0"/>
              <a:t>UR</a:t>
            </a:r>
            <a:r>
              <a:rPr lang="en-US" sz="1600" dirty="0">
                <a:effectLst/>
                <a:sym typeface="Wingdings" pitchFamily="2" charset="2"/>
              </a:rPr>
              <a:t></a:t>
            </a:r>
            <a:r>
              <a:rPr lang="en-US" sz="1600" dirty="0">
                <a:effectLst/>
              </a:rPr>
              <a:t> probability increases as time approaches user’s </a:t>
            </a:r>
            <a:r>
              <a:rPr lang="en-US" sz="1600" dirty="0"/>
              <a:t>first unreliable submission</a:t>
            </a:r>
            <a:r>
              <a:rPr lang="en-US" sz="1600" dirty="0">
                <a:effectLst/>
              </a:rPr>
              <a:t>;</a:t>
            </a:r>
          </a:p>
          <a:p>
            <a:pPr marL="628650" lvl="1" indent="-285750">
              <a:buFont typeface="Wingdings" panose="05000000000000000000" pitchFamily="2" charset="2"/>
              <a:buChar char="Ø"/>
            </a:pPr>
            <a:r>
              <a:rPr lang="en-US" sz="1600" dirty="0"/>
              <a:t>RS</a:t>
            </a:r>
            <a:r>
              <a:rPr lang="en-US" sz="1600" dirty="0">
                <a:effectLst/>
                <a:sym typeface="Wingdings" pitchFamily="2" charset="2"/>
              </a:rPr>
              <a:t></a:t>
            </a:r>
            <a:r>
              <a:rPr lang="en-US" sz="1600" dirty="0">
                <a:effectLst/>
              </a:rPr>
              <a:t> probability remains low as users in this group never shared an unreliable news source.</a:t>
            </a:r>
          </a:p>
          <a:p>
            <a:pPr lvl="1"/>
            <a:endParaRPr lang="en-US" sz="1600" dirty="0">
              <a:effectLst/>
            </a:endParaRPr>
          </a:p>
          <a:p>
            <a:pPr marL="285750" indent="-285750" rtl="0">
              <a:buFont typeface="Arial" panose="020B0604020202020204" pitchFamily="34" charset="0"/>
              <a:buChar char="•"/>
            </a:pPr>
            <a:r>
              <a:rPr lang="en-US" sz="1600" dirty="0">
                <a:effectLst/>
              </a:rPr>
              <a:t>The model can be use as an early warning detection system of users who will share unreliable news source in the future </a:t>
            </a:r>
          </a:p>
          <a:p>
            <a:endParaRPr lang="de-CH" dirty="0"/>
          </a:p>
        </p:txBody>
      </p:sp>
      <p:pic>
        <p:nvPicPr>
          <p:cNvPr id="8" name="Picture 7" descr="A picture containing screenshot, line, colorfulness&#10;&#10;Description automatically generated">
            <a:extLst>
              <a:ext uri="{FF2B5EF4-FFF2-40B4-BE49-F238E27FC236}">
                <a16:creationId xmlns:a16="http://schemas.microsoft.com/office/drawing/2014/main" id="{82126623-1C8B-4818-EA14-F0F5294415C0}"/>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4348323" y="1553636"/>
            <a:ext cx="4795677" cy="2585324"/>
          </a:xfrm>
          <a:prstGeom prst="rect">
            <a:avLst/>
          </a:prstGeom>
        </p:spPr>
      </p:pic>
    </p:spTree>
    <p:custDataLst>
      <p:custData r:id="rId1"/>
      <p:custData r:id="rId2"/>
    </p:custDataLst>
    <p:extLst>
      <p:ext uri="{BB962C8B-B14F-4D97-AF65-F5344CB8AC3E}">
        <p14:creationId xmlns:p14="http://schemas.microsoft.com/office/powerpoint/2010/main" val="113000321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bg>
      <p:bgPr>
        <a:solidFill>
          <a:srgbClr val="00802F">
            <a:alpha val="69000"/>
          </a:srgb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E1BE45B-27F9-0D2E-2A9E-05DA21A9DE93}"/>
              </a:ext>
            </a:extLst>
          </p:cNvPr>
          <p:cNvSpPr>
            <a:spLocks noGrp="1"/>
          </p:cNvSpPr>
          <p:nvPr>
            <p:ph type="body" sz="quarter" idx="10"/>
          </p:nvPr>
        </p:nvSpPr>
        <p:spPr>
          <a:xfrm>
            <a:off x="828000" y="735013"/>
            <a:ext cx="7957225" cy="2525712"/>
          </a:xfrm>
        </p:spPr>
        <p:txBody>
          <a:bodyPr vert="horz" lIns="0" tIns="0" rIns="0" bIns="0" rtlCol="0" anchor="b">
            <a:normAutofit/>
          </a:bodyPr>
          <a:lstStyle/>
          <a:p>
            <a:pPr>
              <a:spcAft>
                <a:spcPts val="600"/>
              </a:spcAft>
            </a:pPr>
            <a:r>
              <a:rPr lang="en-GB" kern="1200" dirty="0">
                <a:latin typeface="Gill Sans Nova Light" panose="020B0302020104020203" pitchFamily="34" charset="0"/>
                <a:ea typeface="+mn-ea"/>
                <a:cs typeface="+mn-cs"/>
              </a:rPr>
              <a:t>Discussion</a:t>
            </a:r>
          </a:p>
        </p:txBody>
      </p:sp>
    </p:spTree>
    <p:extLst>
      <p:ext uri="{BB962C8B-B14F-4D97-AF65-F5344CB8AC3E}">
        <p14:creationId xmlns:p14="http://schemas.microsoft.com/office/powerpoint/2010/main" val="396903403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096E01-C598-2602-27C6-BDA017BA3EA8}"/>
              </a:ext>
            </a:extLst>
          </p:cNvPr>
          <p:cNvSpPr>
            <a:spLocks noGrp="1"/>
          </p:cNvSpPr>
          <p:nvPr>
            <p:ph type="title"/>
          </p:nvPr>
        </p:nvSpPr>
        <p:spPr/>
        <p:txBody>
          <a:bodyPr/>
          <a:lstStyle/>
          <a:p>
            <a:r>
              <a:rPr lang="en-US" dirty="0"/>
              <a:t>Contributions &amp; Next Steps</a:t>
            </a:r>
          </a:p>
        </p:txBody>
      </p:sp>
      <p:sp>
        <p:nvSpPr>
          <p:cNvPr id="3" name="Content Placeholder 2">
            <a:extLst>
              <a:ext uri="{FF2B5EF4-FFF2-40B4-BE49-F238E27FC236}">
                <a16:creationId xmlns:a16="http://schemas.microsoft.com/office/drawing/2014/main" id="{6D5CDC84-3563-DED4-F9A0-396686A3ECFC}"/>
              </a:ext>
            </a:extLst>
          </p:cNvPr>
          <p:cNvSpPr>
            <a:spLocks noGrp="1"/>
          </p:cNvSpPr>
          <p:nvPr>
            <p:ph sz="half" idx="1"/>
          </p:nvPr>
        </p:nvSpPr>
        <p:spPr>
          <a:xfrm>
            <a:off x="358776" y="1276349"/>
            <a:ext cx="4122738" cy="3328902"/>
          </a:xfrm>
        </p:spPr>
        <p:txBody>
          <a:bodyPr>
            <a:noAutofit/>
          </a:bodyPr>
          <a:lstStyle/>
          <a:p>
            <a:r>
              <a:rPr lang="en-US" sz="1600" b="1" dirty="0"/>
              <a:t>Interaction with untrustworthy news sources</a:t>
            </a:r>
          </a:p>
          <a:p>
            <a:endParaRPr lang="en-US" sz="1600" b="1" dirty="0"/>
          </a:p>
          <a:p>
            <a:endParaRPr lang="en-US" sz="1600" b="1" dirty="0"/>
          </a:p>
          <a:p>
            <a:endParaRPr lang="en-US" sz="1600" dirty="0"/>
          </a:p>
          <a:p>
            <a:r>
              <a:rPr lang="en-US" sz="1600" b="1" dirty="0"/>
              <a:t>Temporal dimension of news diffusion</a:t>
            </a:r>
            <a:endParaRPr lang="en-US" sz="1600" dirty="0"/>
          </a:p>
          <a:p>
            <a:endParaRPr lang="en-US" sz="1600" dirty="0"/>
          </a:p>
          <a:p>
            <a:endParaRPr lang="en-US" sz="1600" dirty="0"/>
          </a:p>
          <a:p>
            <a:r>
              <a:rPr lang="en-US" sz="1600" b="1" dirty="0"/>
              <a:t>Human factor characteristics as a predictor of future untrustworthy news diffusion</a:t>
            </a:r>
          </a:p>
          <a:p>
            <a:endParaRPr lang="en-US" sz="1600" dirty="0"/>
          </a:p>
        </p:txBody>
      </p:sp>
      <p:sp>
        <p:nvSpPr>
          <p:cNvPr id="4" name="Content Placeholder 3">
            <a:extLst>
              <a:ext uri="{FF2B5EF4-FFF2-40B4-BE49-F238E27FC236}">
                <a16:creationId xmlns:a16="http://schemas.microsoft.com/office/drawing/2014/main" id="{66071185-4A03-42EE-30F9-D0C26783BD9B}"/>
              </a:ext>
            </a:extLst>
          </p:cNvPr>
          <p:cNvSpPr>
            <a:spLocks noGrp="1"/>
          </p:cNvSpPr>
          <p:nvPr>
            <p:ph sz="half" idx="2"/>
          </p:nvPr>
        </p:nvSpPr>
        <p:spPr>
          <a:xfrm>
            <a:off x="4662487" y="1276350"/>
            <a:ext cx="4122737" cy="3161538"/>
          </a:xfrm>
        </p:spPr>
        <p:txBody>
          <a:bodyPr>
            <a:normAutofit/>
          </a:bodyPr>
          <a:lstStyle/>
          <a:p>
            <a:r>
              <a:rPr lang="en-US" sz="1600" dirty="0"/>
              <a:t>Role of </a:t>
            </a:r>
            <a:r>
              <a:rPr lang="en-US" sz="1600" b="1" dirty="0"/>
              <a:t>the individual and human factor characteristics </a:t>
            </a:r>
            <a:r>
              <a:rPr lang="en-US" sz="1600" dirty="0"/>
              <a:t>of untrustworthy news diffusion</a:t>
            </a:r>
            <a:endParaRPr lang="en-US" sz="1600" b="1" dirty="0"/>
          </a:p>
          <a:p>
            <a:endParaRPr lang="en-US" sz="1600" dirty="0"/>
          </a:p>
          <a:p>
            <a:endParaRPr lang="en-US" sz="1600" dirty="0"/>
          </a:p>
          <a:p>
            <a:endParaRPr lang="en-US" sz="1600" b="1" dirty="0"/>
          </a:p>
          <a:p>
            <a:r>
              <a:rPr lang="en-US" sz="1600" b="1" dirty="0"/>
              <a:t>Psycholinguistics</a:t>
            </a:r>
            <a:r>
              <a:rPr lang="en-US" sz="1600" dirty="0"/>
              <a:t> (next steps: transformers embeddings, network features, social, behavioral features) retrieved from a </a:t>
            </a:r>
            <a:r>
              <a:rPr lang="en-US" sz="1600" b="1" dirty="0"/>
              <a:t>real-world dataset (i.e., Reddit)</a:t>
            </a:r>
          </a:p>
          <a:p>
            <a:endParaRPr lang="en-US" sz="1600" dirty="0"/>
          </a:p>
          <a:p>
            <a:endParaRPr lang="en-US" sz="1600" dirty="0"/>
          </a:p>
        </p:txBody>
      </p:sp>
      <p:pic>
        <p:nvPicPr>
          <p:cNvPr id="9" name="Picture 8" descr="Shape&#10;&#10;Description automatically generated with low confidence">
            <a:extLst>
              <a:ext uri="{FF2B5EF4-FFF2-40B4-BE49-F238E27FC236}">
                <a16:creationId xmlns:a16="http://schemas.microsoft.com/office/drawing/2014/main" id="{9C5D60ED-AC12-4A03-7050-DD2B53143130}"/>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5288381" y="82133"/>
            <a:ext cx="977245" cy="977245"/>
          </a:xfrm>
          <a:prstGeom prst="rect">
            <a:avLst/>
          </a:prstGeom>
        </p:spPr>
      </p:pic>
    </p:spTree>
    <p:extLst>
      <p:ext uri="{BB962C8B-B14F-4D97-AF65-F5344CB8AC3E}">
        <p14:creationId xmlns:p14="http://schemas.microsoft.com/office/powerpoint/2010/main" val="3091245095"/>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8872AB51-F9D5-0343-68C6-B577778EFC0A}"/>
              </a:ext>
            </a:extLst>
          </p:cNvPr>
          <p:cNvSpPr>
            <a:spLocks noGrp="1"/>
          </p:cNvSpPr>
          <p:nvPr>
            <p:ph type="title"/>
          </p:nvPr>
        </p:nvSpPr>
        <p:spPr>
          <a:xfrm>
            <a:off x="358775" y="376238"/>
            <a:ext cx="8426450" cy="609662"/>
          </a:xfrm>
        </p:spPr>
        <p:txBody>
          <a:bodyPr/>
          <a:lstStyle/>
          <a:p>
            <a:r>
              <a:rPr lang="en-GB" dirty="0"/>
              <a:t>References [double check]</a:t>
            </a:r>
          </a:p>
        </p:txBody>
      </p:sp>
      <p:sp>
        <p:nvSpPr>
          <p:cNvPr id="3" name="TextBox 2">
            <a:extLst>
              <a:ext uri="{FF2B5EF4-FFF2-40B4-BE49-F238E27FC236}">
                <a16:creationId xmlns:a16="http://schemas.microsoft.com/office/drawing/2014/main" id="{842C9CBD-C3C9-21D1-8E3B-0D7528CE3A63}"/>
              </a:ext>
            </a:extLst>
          </p:cNvPr>
          <p:cNvSpPr txBox="1"/>
          <p:nvPr/>
        </p:nvSpPr>
        <p:spPr>
          <a:xfrm>
            <a:off x="358775" y="681069"/>
            <a:ext cx="8426450" cy="3170099"/>
          </a:xfrm>
          <a:prstGeom prst="rect">
            <a:avLst/>
          </a:prstGeom>
          <a:noFill/>
        </p:spPr>
        <p:txBody>
          <a:bodyPr wrap="square">
            <a:spAutoFit/>
          </a:bodyPr>
          <a:lstStyle/>
          <a:p>
            <a:pPr marL="342900" indent="-342900">
              <a:buFont typeface="Arial" panose="020B0604020202020204" pitchFamily="34" charset="0"/>
              <a:buChar char="•"/>
              <a:defRPr/>
            </a:pPr>
            <a:r>
              <a:rPr lang="en-GB" sz="2000" b="0" i="0" u="none" strike="noStrike" dirty="0">
                <a:solidFill>
                  <a:srgbClr val="333333"/>
                </a:solidFill>
                <a:effectLst/>
                <a:latin typeface="-apple-system"/>
              </a:rPr>
              <a:t>Baumgartner, J., </a:t>
            </a:r>
            <a:r>
              <a:rPr lang="en-GB" sz="2000" b="0" i="0" u="none" strike="noStrike" dirty="0" err="1">
                <a:solidFill>
                  <a:srgbClr val="333333"/>
                </a:solidFill>
                <a:effectLst/>
                <a:latin typeface="-apple-system"/>
              </a:rPr>
              <a:t>Zannettou</a:t>
            </a:r>
            <a:r>
              <a:rPr lang="en-GB" sz="2000" b="0" i="0" u="none" strike="noStrike" dirty="0">
                <a:solidFill>
                  <a:srgbClr val="333333"/>
                </a:solidFill>
                <a:effectLst/>
                <a:latin typeface="-apple-system"/>
              </a:rPr>
              <a:t>, S., Squire, M., &amp; Blackburn, J. (2020). The Pushshift Telegram Dataset. Proceedings of the International AAAI Conference on Web and Social Media</a:t>
            </a:r>
            <a:r>
              <a:rPr lang="en-GB" sz="2000" dirty="0">
                <a:solidFill>
                  <a:srgbClr val="333333"/>
                </a:solidFill>
                <a:latin typeface="-apple-system"/>
              </a:rPr>
              <a:t>. </a:t>
            </a:r>
            <a:endParaRPr lang="en-GB" sz="2000" b="0" i="0" u="none" strike="noStrike" dirty="0">
              <a:solidFill>
                <a:srgbClr val="333333"/>
              </a:solidFill>
              <a:effectLst/>
              <a:latin typeface="-apple-system"/>
            </a:endParaRPr>
          </a:p>
          <a:p>
            <a:pPr marL="342900" indent="-342900">
              <a:buFont typeface="Arial" panose="020B0604020202020204" pitchFamily="34" charset="0"/>
              <a:buChar char="•"/>
              <a:defRPr/>
            </a:pPr>
            <a:r>
              <a:rPr lang="en-GB" sz="2000" b="0" i="0" u="none" strike="noStrike" dirty="0">
                <a:solidFill>
                  <a:srgbClr val="333333"/>
                </a:solidFill>
                <a:effectLst/>
                <a:latin typeface="-apple-system"/>
              </a:rPr>
              <a:t>Mu Y, </a:t>
            </a:r>
            <a:r>
              <a:rPr lang="en-GB" sz="2000" b="0" i="0" u="none" strike="noStrike" dirty="0" err="1">
                <a:solidFill>
                  <a:srgbClr val="333333"/>
                </a:solidFill>
                <a:effectLst/>
                <a:latin typeface="-apple-system"/>
              </a:rPr>
              <a:t>Aletras</a:t>
            </a:r>
            <a:r>
              <a:rPr lang="en-GB" sz="2000" b="0" i="0" u="none" strike="noStrike" dirty="0">
                <a:solidFill>
                  <a:srgbClr val="333333"/>
                </a:solidFill>
                <a:effectLst/>
                <a:latin typeface="-apple-system"/>
              </a:rPr>
              <a:t> N. Identifying Twitter users who repost unreliable news sources with linguistic information. </a:t>
            </a:r>
            <a:r>
              <a:rPr lang="en-GB" sz="2000" b="0" i="0" u="none" strike="noStrike" dirty="0" err="1">
                <a:solidFill>
                  <a:srgbClr val="333333"/>
                </a:solidFill>
                <a:effectLst/>
                <a:latin typeface="-apple-system"/>
              </a:rPr>
              <a:t>PeerJ</a:t>
            </a:r>
            <a:r>
              <a:rPr lang="en-GB" sz="2000" b="0" i="0" u="none" strike="noStrike" dirty="0">
                <a:solidFill>
                  <a:srgbClr val="333333"/>
                </a:solidFill>
                <a:effectLst/>
                <a:latin typeface="-apple-system"/>
              </a:rPr>
              <a:t> Computer Science (2020)</a:t>
            </a:r>
          </a:p>
          <a:p>
            <a:pPr marL="342900" indent="-342900">
              <a:buFont typeface="Arial" panose="020B0604020202020204" pitchFamily="34" charset="0"/>
              <a:buChar char="•"/>
              <a:defRPr/>
            </a:pPr>
            <a:r>
              <a:rPr lang="en-GB" sz="2000" b="0" i="0" u="none" strike="noStrike" dirty="0">
                <a:solidFill>
                  <a:srgbClr val="333333"/>
                </a:solidFill>
                <a:effectLst/>
                <a:latin typeface="-apple-system"/>
              </a:rPr>
              <a:t>Shrestha, A., </a:t>
            </a:r>
            <a:r>
              <a:rPr lang="en-GB" sz="2000" b="0" i="0" u="none" strike="noStrike" dirty="0" err="1">
                <a:solidFill>
                  <a:srgbClr val="333333"/>
                </a:solidFill>
                <a:effectLst/>
                <a:latin typeface="-apple-system"/>
              </a:rPr>
              <a:t>Spezzano</a:t>
            </a:r>
            <a:r>
              <a:rPr lang="en-GB" sz="2000" b="0" i="0" u="none" strike="noStrike" dirty="0">
                <a:solidFill>
                  <a:srgbClr val="333333"/>
                </a:solidFill>
                <a:effectLst/>
                <a:latin typeface="-apple-system"/>
              </a:rPr>
              <a:t>, F. Characterizing and predicting fake news spreaders in social networks. </a:t>
            </a:r>
            <a:r>
              <a:rPr lang="en-GB" sz="2000" b="0" i="1" u="none" strike="noStrike" dirty="0">
                <a:solidFill>
                  <a:srgbClr val="333333"/>
                </a:solidFill>
                <a:effectLst/>
                <a:latin typeface="-apple-system"/>
              </a:rPr>
              <a:t>Int J Data Sci Anal</a:t>
            </a:r>
            <a:r>
              <a:rPr lang="en-GB" sz="2000" b="0" i="0" u="none" strike="noStrike" dirty="0">
                <a:solidFill>
                  <a:srgbClr val="333333"/>
                </a:solidFill>
                <a:effectLst/>
                <a:latin typeface="-apple-system"/>
              </a:rPr>
              <a:t> </a:t>
            </a:r>
            <a:r>
              <a:rPr lang="en-GB" sz="2000" b="1" i="0" u="none" strike="noStrike" dirty="0">
                <a:solidFill>
                  <a:srgbClr val="333333"/>
                </a:solidFill>
                <a:effectLst/>
                <a:latin typeface="-apple-system"/>
              </a:rPr>
              <a:t>13</a:t>
            </a:r>
            <a:r>
              <a:rPr lang="en-GB" sz="2000" dirty="0">
                <a:solidFill>
                  <a:srgbClr val="333333"/>
                </a:solidFill>
                <a:latin typeface="-apple-system"/>
              </a:rPr>
              <a:t> </a:t>
            </a:r>
            <a:r>
              <a:rPr lang="en-GB" sz="2000" b="0" i="0" u="none" strike="noStrike" dirty="0">
                <a:solidFill>
                  <a:srgbClr val="333333"/>
                </a:solidFill>
                <a:effectLst/>
                <a:latin typeface="-apple-system"/>
              </a:rPr>
              <a:t>(2022)</a:t>
            </a:r>
          </a:p>
          <a:p>
            <a:pPr marL="342900" indent="-342900">
              <a:buFont typeface="Arial" panose="020B0604020202020204" pitchFamily="34" charset="0"/>
              <a:buChar char="•"/>
              <a:defRPr/>
            </a:pPr>
            <a:r>
              <a:rPr lang="en-GB" sz="2000" b="0" i="0" u="none" strike="noStrike" dirty="0">
                <a:solidFill>
                  <a:srgbClr val="333333"/>
                </a:solidFill>
                <a:effectLst/>
                <a:latin typeface="-apple-system"/>
              </a:rPr>
              <a:t>Shrestha, A., </a:t>
            </a:r>
            <a:r>
              <a:rPr lang="en-GB" sz="2000" b="0" i="0" u="none" strike="noStrike" dirty="0" err="1">
                <a:solidFill>
                  <a:srgbClr val="333333"/>
                </a:solidFill>
                <a:effectLst/>
                <a:latin typeface="-apple-system"/>
              </a:rPr>
              <a:t>Spezzano</a:t>
            </a:r>
            <a:r>
              <a:rPr lang="en-GB" sz="2000" b="0" i="0" u="none" strike="noStrike" dirty="0">
                <a:solidFill>
                  <a:srgbClr val="333333"/>
                </a:solidFill>
                <a:effectLst/>
                <a:latin typeface="-apple-system"/>
              </a:rPr>
              <a:t>, F.: Online misinformation: from the deceiver to the victim. In: ASONAM ’19: International Conference on Advances in Social Networks Analysis and Mining,(2019)</a:t>
            </a:r>
          </a:p>
        </p:txBody>
      </p:sp>
    </p:spTree>
    <p:custDataLst>
      <p:custData r:id="rId1"/>
      <p:custData r:id="rId2"/>
    </p:custDataLst>
    <p:extLst>
      <p:ext uri="{BB962C8B-B14F-4D97-AF65-F5344CB8AC3E}">
        <p14:creationId xmlns:p14="http://schemas.microsoft.com/office/powerpoint/2010/main" val="2070732775"/>
      </p:ext>
    </p:extLst>
  </p:cSld>
  <p:clrMapOvr>
    <a:masterClrMapping/>
  </p:clrMapOvr>
  <mc:AlternateContent xmlns:mc="http://schemas.openxmlformats.org/markup-compatibility/2006">
    <mc:Choice xmlns:p159="http://schemas.microsoft.com/office/powerpoint/2015/09/main" Requires="p159">
      <p:transition xmlns:p14="http://schemas.microsoft.com/office/powerpoint/2010/main" spd="slow" p14:dur="2000">
        <p159:morph option="byObject"/>
      </p:transition>
    </mc:Choice>
    <mc:Fallback>
      <p:transition spd="slow">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red text on a white background&#10;&#10;Description automatically generated with medium confidence">
            <a:extLst>
              <a:ext uri="{FF2B5EF4-FFF2-40B4-BE49-F238E27FC236}">
                <a16:creationId xmlns:a16="http://schemas.microsoft.com/office/drawing/2014/main" id="{A78C4F1D-E9F0-6B49-3316-248B4837F5B2}"/>
              </a:ext>
            </a:extLst>
          </p:cNvPr>
          <p:cNvPicPr>
            <a:picLocks noChangeAspect="1"/>
          </p:cNvPicPr>
          <p:nvPr/>
        </p:nvPicPr>
        <p:blipFill>
          <a:blip r:embed="rId5">
            <a:extLst>
              <a:ext uri="{BEBA8EAE-BF5A-486C-A8C5-ECC9F3942E4B}">
                <a14:imgProps xmlns:a14="http://schemas.microsoft.com/office/drawing/2010/main">
                  <a14:imgLayer r:embed="rId6">
                    <a14:imgEffect>
                      <a14:backgroundRemoval t="10000" b="90000" l="10000" r="90000">
                        <a14:foregroundMark x1="36250" y1="51852" x2="36250" y2="51852"/>
                        <a14:foregroundMark x1="53021" y1="42222" x2="53021" y2="42222"/>
                        <a14:foregroundMark x1="63698" y1="50648" x2="63698" y2="50648"/>
                        <a14:foregroundMark x1="54844" y1="62778" x2="54844" y2="62778"/>
                        <a14:foregroundMark x1="72292" y1="57130" x2="72292" y2="57130"/>
                        <a14:foregroundMark x1="17448" y1="34537" x2="17448" y2="34537"/>
                      </a14:backgroundRemoval>
                    </a14:imgEffect>
                  </a14:imgLayer>
                </a14:imgProps>
              </a:ext>
              <a:ext uri="{28A0092B-C50C-407E-A947-70E740481C1C}">
                <a14:useLocalDpi xmlns:a14="http://schemas.microsoft.com/office/drawing/2010/main" val="0"/>
              </a:ext>
            </a:extLst>
          </a:blip>
          <a:stretch>
            <a:fillRect/>
          </a:stretch>
        </p:blipFill>
        <p:spPr>
          <a:xfrm>
            <a:off x="2599460" y="202335"/>
            <a:ext cx="1728000" cy="972000"/>
          </a:xfrm>
          <a:prstGeom prst="rect">
            <a:avLst/>
          </a:prstGeom>
        </p:spPr>
      </p:pic>
      <p:sp>
        <p:nvSpPr>
          <p:cNvPr id="7" name="Text Placeholder 2">
            <a:extLst>
              <a:ext uri="{FF2B5EF4-FFF2-40B4-BE49-F238E27FC236}">
                <a16:creationId xmlns:a16="http://schemas.microsoft.com/office/drawing/2014/main" id="{9187BEF1-64DF-8C07-62AE-CF0F6799675F}"/>
              </a:ext>
            </a:extLst>
          </p:cNvPr>
          <p:cNvSpPr txBox="1">
            <a:spLocks/>
          </p:cNvSpPr>
          <p:nvPr/>
        </p:nvSpPr>
        <p:spPr>
          <a:xfrm>
            <a:off x="789065" y="3520108"/>
            <a:ext cx="3913693" cy="1356057"/>
          </a:xfrm>
          <a:prstGeom prst="rect">
            <a:avLst/>
          </a:prstGeom>
        </p:spPr>
        <p:txBody>
          <a:bodyPr vert="horz" lIns="0" tIns="0" rIns="0" bIns="0" rtlCol="0" anchor="t">
            <a:normAutofit/>
          </a:bodyPr>
          <a:lstStyle>
            <a:lvl1pPr marL="0" indent="0" algn="l" defTabSz="685800" rtl="0" eaLnBrk="1" latinLnBrk="0" hangingPunct="1">
              <a:lnSpc>
                <a:spcPct val="100000"/>
              </a:lnSpc>
              <a:spcBef>
                <a:spcPts val="0"/>
              </a:spcBef>
              <a:spcAft>
                <a:spcPts val="0"/>
              </a:spcAft>
              <a:buFont typeface="Arial" panose="020B0604020202020204" pitchFamily="34" charset="0"/>
              <a:buNone/>
              <a:defRPr sz="1600" kern="1200">
                <a:solidFill>
                  <a:schemeClr val="tx1"/>
                </a:solidFill>
                <a:latin typeface="+mn-lt"/>
                <a:ea typeface="+mn-ea"/>
                <a:cs typeface="+mn-cs"/>
              </a:defRPr>
            </a:lvl1pPr>
            <a:lvl2pPr marL="0" indent="0" algn="l" defTabSz="685800" rtl="0" eaLnBrk="1" latinLnBrk="0" hangingPunct="1">
              <a:lnSpc>
                <a:spcPct val="100000"/>
              </a:lnSpc>
              <a:spcBef>
                <a:spcPts val="0"/>
              </a:spcBef>
              <a:spcAft>
                <a:spcPts val="0"/>
              </a:spcAft>
              <a:buFont typeface="Arial" panose="020B0604020202020204" pitchFamily="34" charset="0"/>
              <a:buNone/>
              <a:defRPr sz="1600" kern="1200">
                <a:solidFill>
                  <a:schemeClr val="tx1"/>
                </a:solidFill>
                <a:latin typeface="+mn-lt"/>
                <a:ea typeface="+mn-ea"/>
                <a:cs typeface="+mn-cs"/>
              </a:defRPr>
            </a:lvl2pPr>
            <a:lvl3pPr marL="0" indent="0" algn="l" defTabSz="685800" rtl="0" eaLnBrk="1" latinLnBrk="0" hangingPunct="1">
              <a:lnSpc>
                <a:spcPct val="100000"/>
              </a:lnSpc>
              <a:spcBef>
                <a:spcPts val="0"/>
              </a:spcBef>
              <a:spcAft>
                <a:spcPts val="0"/>
              </a:spcAft>
              <a:buFont typeface="Arial" panose="020B0604020202020204" pitchFamily="34" charset="0"/>
              <a:buNone/>
              <a:defRPr sz="1600" kern="1200">
                <a:solidFill>
                  <a:schemeClr val="tx1"/>
                </a:solidFill>
                <a:latin typeface="+mn-lt"/>
                <a:ea typeface="+mn-ea"/>
                <a:cs typeface="+mn-cs"/>
              </a:defRPr>
            </a:lvl3pPr>
            <a:lvl4pPr marL="0" indent="0" algn="l" defTabSz="685800" rtl="0" eaLnBrk="1" latinLnBrk="0" hangingPunct="1">
              <a:lnSpc>
                <a:spcPct val="100000"/>
              </a:lnSpc>
              <a:spcBef>
                <a:spcPts val="0"/>
              </a:spcBef>
              <a:spcAft>
                <a:spcPts val="0"/>
              </a:spcAft>
              <a:buSzPct val="110000"/>
              <a:buFont typeface="Arial" panose="020B0604020202020204" pitchFamily="34" charset="0"/>
              <a:buNone/>
              <a:defRPr sz="1600" kern="1200">
                <a:solidFill>
                  <a:schemeClr val="tx1"/>
                </a:solidFill>
                <a:latin typeface="+mn-lt"/>
                <a:ea typeface="+mn-ea"/>
                <a:cs typeface="+mn-cs"/>
              </a:defRPr>
            </a:lvl4pPr>
            <a:lvl5pPr marL="0" indent="0" algn="l" defTabSz="685800" rtl="0" eaLnBrk="1" latinLnBrk="0" hangingPunct="1">
              <a:lnSpc>
                <a:spcPct val="100000"/>
              </a:lnSpc>
              <a:spcBef>
                <a:spcPts val="0"/>
              </a:spcBef>
              <a:spcAft>
                <a:spcPts val="0"/>
              </a:spcAft>
              <a:buSzPct val="110000"/>
              <a:buFont typeface="Arial" panose="020B0604020202020204" pitchFamily="34" charset="0"/>
              <a:buNone/>
              <a:defRPr sz="16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a:lstStyle>
          <a:p>
            <a:endParaRPr lang="en-GB">
              <a:ea typeface="+mn-lt"/>
              <a:cs typeface="+mn-lt"/>
            </a:endParaRPr>
          </a:p>
          <a:p>
            <a:r>
              <a:rPr lang="en-GB">
                <a:ea typeface="+mn-lt"/>
                <a:cs typeface="+mn-lt"/>
              </a:rPr>
              <a:t>Pietro Alessandro Aluffi</a:t>
            </a:r>
          </a:p>
          <a:p>
            <a:r>
              <a:rPr lang="en-GB">
                <a:ea typeface="+mn-lt"/>
                <a:cs typeface="+mn-lt"/>
              </a:rPr>
              <a:t>Pietro.aluffi@unisg.ch</a:t>
            </a:r>
            <a:endParaRPr lang="en-GB"/>
          </a:p>
          <a:p>
            <a:endParaRPr lang="en-GB" dirty="0"/>
          </a:p>
        </p:txBody>
      </p:sp>
      <p:sp>
        <p:nvSpPr>
          <p:cNvPr id="10" name="Title 1">
            <a:extLst>
              <a:ext uri="{FF2B5EF4-FFF2-40B4-BE49-F238E27FC236}">
                <a16:creationId xmlns:a16="http://schemas.microsoft.com/office/drawing/2014/main" id="{00EB1A34-57D8-942C-3781-51F7C17CEFA5}"/>
              </a:ext>
            </a:extLst>
          </p:cNvPr>
          <p:cNvSpPr txBox="1">
            <a:spLocks/>
          </p:cNvSpPr>
          <p:nvPr/>
        </p:nvSpPr>
        <p:spPr>
          <a:xfrm>
            <a:off x="592895" y="1529632"/>
            <a:ext cx="7958210" cy="1792800"/>
          </a:xfrm>
          <a:prstGeom prst="rect">
            <a:avLst/>
          </a:prstGeom>
        </p:spPr>
        <p:txBody>
          <a:bodyPr vert="horz" lIns="0" tIns="0" rIns="0" bIns="0" rtlCol="0" anchor="ctr">
            <a:noAutofit/>
          </a:bodyPr>
          <a:lstStyle>
            <a:lvl1pPr algn="l" defTabSz="685800" rtl="0" eaLnBrk="1" latinLnBrk="0" hangingPunct="1">
              <a:lnSpc>
                <a:spcPts val="4200"/>
              </a:lnSpc>
              <a:spcBef>
                <a:spcPct val="0"/>
              </a:spcBef>
              <a:buNone/>
              <a:defRPr sz="4000" kern="1200">
                <a:solidFill>
                  <a:schemeClr val="tx1"/>
                </a:solidFill>
                <a:latin typeface="Gill Sans Nova Light" panose="020B0302020104020203" pitchFamily="34" charset="0"/>
                <a:ea typeface="+mj-ea"/>
                <a:cs typeface="+mj-cs"/>
              </a:defRPr>
            </a:lvl1pPr>
          </a:lstStyle>
          <a:p>
            <a:pPr algn="ctr"/>
            <a:r>
              <a:rPr lang="en-US" sz="6000"/>
              <a:t>Thank you</a:t>
            </a:r>
            <a:endParaRPr lang="en-GB" sz="6000" dirty="0">
              <a:solidFill>
                <a:schemeClr val="tx1">
                  <a:lumMod val="50000"/>
                  <a:lumOff val="50000"/>
                </a:schemeClr>
              </a:solidFill>
            </a:endParaRPr>
          </a:p>
        </p:txBody>
      </p:sp>
      <p:pic>
        <p:nvPicPr>
          <p:cNvPr id="11" name="Picture 10" descr="Shape&#10;&#10;Description automatically generated with medium confidence">
            <a:extLst>
              <a:ext uri="{FF2B5EF4-FFF2-40B4-BE49-F238E27FC236}">
                <a16:creationId xmlns:a16="http://schemas.microsoft.com/office/drawing/2014/main" id="{FF7CC599-B05E-928C-7EF9-822F65489699}"/>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4572000" y="296441"/>
            <a:ext cx="2719749" cy="877894"/>
          </a:xfrm>
          <a:prstGeom prst="rect">
            <a:avLst/>
          </a:prstGeom>
        </p:spPr>
      </p:pic>
    </p:spTree>
    <p:custDataLst>
      <p:custData r:id="rId1"/>
      <p:custData r:id="rId2"/>
    </p:custDataLst>
    <p:extLst>
      <p:ext uri="{BB962C8B-B14F-4D97-AF65-F5344CB8AC3E}">
        <p14:creationId xmlns:p14="http://schemas.microsoft.com/office/powerpoint/2010/main" val="178380101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blipFill dpi="0" rotWithShape="1">
          <a:blip r:embed="rId3">
            <a:lum/>
          </a:blip>
          <a:srcRect/>
          <a:stretch>
            <a:fillRect l="-9000" r="-9000"/>
          </a:stretch>
        </a:blip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24530623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bg>
      <p:bgPr>
        <a:solidFill>
          <a:srgbClr val="00802F">
            <a:alpha val="69000"/>
          </a:srgb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E1BE45B-27F9-0D2E-2A9E-05DA21A9DE93}"/>
              </a:ext>
            </a:extLst>
          </p:cNvPr>
          <p:cNvSpPr>
            <a:spLocks noGrp="1"/>
          </p:cNvSpPr>
          <p:nvPr>
            <p:ph type="body" sz="quarter" idx="10"/>
          </p:nvPr>
        </p:nvSpPr>
        <p:spPr>
          <a:xfrm>
            <a:off x="828000" y="735013"/>
            <a:ext cx="7957225" cy="2525712"/>
          </a:xfrm>
        </p:spPr>
        <p:txBody>
          <a:bodyPr vert="horz" lIns="0" tIns="0" rIns="0" bIns="0" rtlCol="0" anchor="b">
            <a:normAutofit/>
          </a:bodyPr>
          <a:lstStyle/>
          <a:p>
            <a:pPr>
              <a:spcAft>
                <a:spcPts val="600"/>
              </a:spcAft>
            </a:pPr>
            <a:r>
              <a:rPr lang="en-GB" kern="1200" dirty="0">
                <a:latin typeface="Gill Sans Nova Light" panose="020B0302020104020203" pitchFamily="34" charset="0"/>
                <a:ea typeface="+mn-ea"/>
                <a:cs typeface="+mn-cs"/>
              </a:rPr>
              <a:t>Backup</a:t>
            </a:r>
          </a:p>
        </p:txBody>
      </p:sp>
    </p:spTree>
    <p:extLst>
      <p:ext uri="{BB962C8B-B14F-4D97-AF65-F5344CB8AC3E}">
        <p14:creationId xmlns:p14="http://schemas.microsoft.com/office/powerpoint/2010/main" val="162922486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EF9789A-4335-4577-AF25-1CB52F39AA43}"/>
              </a:ext>
            </a:extLst>
          </p:cNvPr>
          <p:cNvSpPr>
            <a:spLocks noGrp="1"/>
          </p:cNvSpPr>
          <p:nvPr>
            <p:ph type="title"/>
          </p:nvPr>
        </p:nvSpPr>
        <p:spPr>
          <a:xfrm>
            <a:off x="358775" y="376238"/>
            <a:ext cx="8426450" cy="609662"/>
          </a:xfrm>
        </p:spPr>
        <p:txBody>
          <a:bodyPr/>
          <a:lstStyle/>
          <a:p>
            <a:r>
              <a:rPr lang="en-GB" sz="2000" dirty="0"/>
              <a:t>Isolating users cohorts</a:t>
            </a:r>
            <a:endParaRPr lang="en-GB" dirty="0"/>
          </a:p>
        </p:txBody>
      </p:sp>
      <p:pic>
        <p:nvPicPr>
          <p:cNvPr id="3" name="Graphic 2">
            <a:extLst>
              <a:ext uri="{FF2B5EF4-FFF2-40B4-BE49-F238E27FC236}">
                <a16:creationId xmlns:a16="http://schemas.microsoft.com/office/drawing/2014/main" id="{D9F90482-AC6C-917D-14F9-E1A1F8B84F52}"/>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2860225" y="41183"/>
            <a:ext cx="673142" cy="944717"/>
          </a:xfrm>
          <a:prstGeom prst="rect">
            <a:avLst/>
          </a:prstGeom>
        </p:spPr>
      </p:pic>
      <p:sp>
        <p:nvSpPr>
          <p:cNvPr id="6" name="Rounded Rectangle 5">
            <a:extLst>
              <a:ext uri="{FF2B5EF4-FFF2-40B4-BE49-F238E27FC236}">
                <a16:creationId xmlns:a16="http://schemas.microsoft.com/office/drawing/2014/main" id="{31CAB80B-ADA3-A22E-F1A9-54C42F06CE63}"/>
              </a:ext>
            </a:extLst>
          </p:cNvPr>
          <p:cNvSpPr/>
          <p:nvPr/>
        </p:nvSpPr>
        <p:spPr>
          <a:xfrm>
            <a:off x="358775" y="1626417"/>
            <a:ext cx="1220167" cy="841220"/>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de-DE" sz="1100" b="1" dirty="0">
                <a:solidFill>
                  <a:schemeClr val="tx1"/>
                </a:solidFill>
              </a:rPr>
              <a:t>Group A</a:t>
            </a:r>
          </a:p>
          <a:p>
            <a:pPr marL="171450" indent="-171450">
              <a:buFont typeface="Arial" panose="020B0604020202020204" pitchFamily="34" charset="0"/>
              <a:buChar char="•"/>
            </a:pPr>
            <a:r>
              <a:rPr lang="de-DE" sz="1100" dirty="0">
                <a:solidFill>
                  <a:schemeClr val="tx1"/>
                </a:solidFill>
              </a:rPr>
              <a:t>3/5 </a:t>
            </a:r>
            <a:r>
              <a:rPr lang="en-GB" sz="1100" dirty="0">
                <a:solidFill>
                  <a:schemeClr val="tx1"/>
                </a:solidFill>
              </a:rPr>
              <a:t>unreliable</a:t>
            </a:r>
          </a:p>
          <a:p>
            <a:pPr marL="171450" indent="-171450">
              <a:buFont typeface="Arial" panose="020B0604020202020204" pitchFamily="34" charset="0"/>
              <a:buChar char="•"/>
            </a:pPr>
            <a:r>
              <a:rPr lang="de-DE" sz="1100" dirty="0">
                <a:solidFill>
                  <a:schemeClr val="tx1"/>
                </a:solidFill>
              </a:rPr>
              <a:t>20 </a:t>
            </a:r>
            <a:r>
              <a:rPr lang="en-GB" sz="1100" dirty="0">
                <a:solidFill>
                  <a:schemeClr val="tx1"/>
                </a:solidFill>
              </a:rPr>
              <a:t>comments</a:t>
            </a:r>
          </a:p>
          <a:p>
            <a:pPr marL="171450" indent="-171450">
              <a:buFont typeface="Arial" panose="020B0604020202020204" pitchFamily="34" charset="0"/>
              <a:buChar char="•"/>
            </a:pPr>
            <a:r>
              <a:rPr lang="en-GB" sz="1100" dirty="0">
                <a:solidFill>
                  <a:schemeClr val="tx1"/>
                </a:solidFill>
              </a:rPr>
              <a:t>24months</a:t>
            </a:r>
          </a:p>
        </p:txBody>
      </p:sp>
      <p:sp>
        <p:nvSpPr>
          <p:cNvPr id="9" name="Rounded Rectangle 8">
            <a:extLst>
              <a:ext uri="{FF2B5EF4-FFF2-40B4-BE49-F238E27FC236}">
                <a16:creationId xmlns:a16="http://schemas.microsoft.com/office/drawing/2014/main" id="{30579B4A-00D3-46DE-1F1A-5E1A58C9D888}"/>
              </a:ext>
            </a:extLst>
          </p:cNvPr>
          <p:cNvSpPr/>
          <p:nvPr/>
        </p:nvSpPr>
        <p:spPr>
          <a:xfrm>
            <a:off x="358775" y="3178992"/>
            <a:ext cx="1220167" cy="841220"/>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de-DE" sz="1100" b="1" dirty="0">
                <a:solidFill>
                  <a:schemeClr val="tx1"/>
                </a:solidFill>
              </a:rPr>
              <a:t>Group B</a:t>
            </a:r>
          </a:p>
          <a:p>
            <a:pPr marL="171450" indent="-171450">
              <a:buFont typeface="Arial" panose="020B0604020202020204" pitchFamily="34" charset="0"/>
              <a:buChar char="•"/>
            </a:pPr>
            <a:r>
              <a:rPr lang="de-DE" sz="1100" dirty="0">
                <a:solidFill>
                  <a:schemeClr val="tx1"/>
                </a:solidFill>
              </a:rPr>
              <a:t>5 </a:t>
            </a:r>
            <a:r>
              <a:rPr lang="en-GB" sz="1100" dirty="0">
                <a:solidFill>
                  <a:schemeClr val="tx1"/>
                </a:solidFill>
              </a:rPr>
              <a:t>reliable</a:t>
            </a:r>
          </a:p>
          <a:p>
            <a:pPr marL="171450" indent="-171450">
              <a:buFont typeface="Arial" panose="020B0604020202020204" pitchFamily="34" charset="0"/>
              <a:buChar char="•"/>
            </a:pPr>
            <a:r>
              <a:rPr lang="de-DE" sz="1100" dirty="0">
                <a:solidFill>
                  <a:schemeClr val="tx1"/>
                </a:solidFill>
              </a:rPr>
              <a:t>20 </a:t>
            </a:r>
            <a:r>
              <a:rPr lang="en-GB" sz="1100" dirty="0">
                <a:solidFill>
                  <a:schemeClr val="tx1"/>
                </a:solidFill>
              </a:rPr>
              <a:t>comments</a:t>
            </a:r>
          </a:p>
          <a:p>
            <a:pPr marL="171450" indent="-171450">
              <a:buFont typeface="Arial" panose="020B0604020202020204" pitchFamily="34" charset="0"/>
              <a:buChar char="•"/>
            </a:pPr>
            <a:r>
              <a:rPr lang="en-GB" sz="1100" dirty="0">
                <a:solidFill>
                  <a:schemeClr val="tx1"/>
                </a:solidFill>
              </a:rPr>
              <a:t>24months</a:t>
            </a:r>
          </a:p>
        </p:txBody>
      </p:sp>
      <p:sp>
        <p:nvSpPr>
          <p:cNvPr id="11" name="Rounded Rectangle 10">
            <a:extLst>
              <a:ext uri="{FF2B5EF4-FFF2-40B4-BE49-F238E27FC236}">
                <a16:creationId xmlns:a16="http://schemas.microsoft.com/office/drawing/2014/main" id="{D25FAC04-6355-ACC2-E01C-F02F43FAC4E0}"/>
              </a:ext>
            </a:extLst>
          </p:cNvPr>
          <p:cNvSpPr/>
          <p:nvPr/>
        </p:nvSpPr>
        <p:spPr>
          <a:xfrm>
            <a:off x="1880150" y="1947707"/>
            <a:ext cx="3527155" cy="1861905"/>
          </a:xfrm>
          <a:prstGeom prst="roundRect">
            <a:avLst/>
          </a:prstGeom>
          <a:solidFill>
            <a:schemeClr val="accent1">
              <a:alpha val="14520"/>
            </a:schemeClr>
          </a:solidFill>
          <a:ln>
            <a:prstDash val="sysDot"/>
            <a:extLst>
              <a:ext uri="{C807C97D-BFC1-408E-A445-0C87EB9F89A2}">
                <ask:lineSketchStyleProps xmlns:ask="http://schemas.microsoft.com/office/drawing/2018/sketchyshapes" sd="1219033472">
                  <a:custGeom>
                    <a:avLst/>
                    <a:gdLst>
                      <a:gd name="connsiteX0" fmla="*/ 0 w 3353453"/>
                      <a:gd name="connsiteY0" fmla="*/ 310324 h 1861905"/>
                      <a:gd name="connsiteX1" fmla="*/ 310324 w 3353453"/>
                      <a:gd name="connsiteY1" fmla="*/ 0 h 1861905"/>
                      <a:gd name="connsiteX2" fmla="*/ 3043129 w 3353453"/>
                      <a:gd name="connsiteY2" fmla="*/ 0 h 1861905"/>
                      <a:gd name="connsiteX3" fmla="*/ 3353453 w 3353453"/>
                      <a:gd name="connsiteY3" fmla="*/ 310324 h 1861905"/>
                      <a:gd name="connsiteX4" fmla="*/ 3353453 w 3353453"/>
                      <a:gd name="connsiteY4" fmla="*/ 1551581 h 1861905"/>
                      <a:gd name="connsiteX5" fmla="*/ 3043129 w 3353453"/>
                      <a:gd name="connsiteY5" fmla="*/ 1861905 h 1861905"/>
                      <a:gd name="connsiteX6" fmla="*/ 310324 w 3353453"/>
                      <a:gd name="connsiteY6" fmla="*/ 1861905 h 1861905"/>
                      <a:gd name="connsiteX7" fmla="*/ 0 w 3353453"/>
                      <a:gd name="connsiteY7" fmla="*/ 1551581 h 1861905"/>
                      <a:gd name="connsiteX8" fmla="*/ 0 w 3353453"/>
                      <a:gd name="connsiteY8" fmla="*/ 310324 h 18619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353453" h="1861905" fill="none" extrusionOk="0">
                        <a:moveTo>
                          <a:pt x="0" y="310324"/>
                        </a:moveTo>
                        <a:cubicBezTo>
                          <a:pt x="-4845" y="138153"/>
                          <a:pt x="161192" y="18200"/>
                          <a:pt x="310324" y="0"/>
                        </a:cubicBezTo>
                        <a:cubicBezTo>
                          <a:pt x="1350766" y="130954"/>
                          <a:pt x="2447444" y="43574"/>
                          <a:pt x="3043129" y="0"/>
                        </a:cubicBezTo>
                        <a:cubicBezTo>
                          <a:pt x="3231872" y="26734"/>
                          <a:pt x="3362895" y="150503"/>
                          <a:pt x="3353453" y="310324"/>
                        </a:cubicBezTo>
                        <a:cubicBezTo>
                          <a:pt x="3293902" y="461889"/>
                          <a:pt x="3248764" y="1280565"/>
                          <a:pt x="3353453" y="1551581"/>
                        </a:cubicBezTo>
                        <a:cubicBezTo>
                          <a:pt x="3341257" y="1724971"/>
                          <a:pt x="3199022" y="1851215"/>
                          <a:pt x="3043129" y="1861905"/>
                        </a:cubicBezTo>
                        <a:cubicBezTo>
                          <a:pt x="2363536" y="2017102"/>
                          <a:pt x="735777" y="2024925"/>
                          <a:pt x="310324" y="1861905"/>
                        </a:cubicBezTo>
                        <a:cubicBezTo>
                          <a:pt x="139676" y="1851904"/>
                          <a:pt x="-2834" y="1724623"/>
                          <a:pt x="0" y="1551581"/>
                        </a:cubicBezTo>
                        <a:cubicBezTo>
                          <a:pt x="37623" y="1415071"/>
                          <a:pt x="111036" y="733785"/>
                          <a:pt x="0" y="310324"/>
                        </a:cubicBezTo>
                        <a:close/>
                      </a:path>
                      <a:path w="3353453" h="1861905" stroke="0" extrusionOk="0">
                        <a:moveTo>
                          <a:pt x="0" y="310324"/>
                        </a:moveTo>
                        <a:cubicBezTo>
                          <a:pt x="-2277" y="137533"/>
                          <a:pt x="116201" y="8533"/>
                          <a:pt x="310324" y="0"/>
                        </a:cubicBezTo>
                        <a:cubicBezTo>
                          <a:pt x="1330115" y="132882"/>
                          <a:pt x="1876126" y="-84951"/>
                          <a:pt x="3043129" y="0"/>
                        </a:cubicBezTo>
                        <a:cubicBezTo>
                          <a:pt x="3197476" y="16640"/>
                          <a:pt x="3349867" y="158759"/>
                          <a:pt x="3353453" y="310324"/>
                        </a:cubicBezTo>
                        <a:cubicBezTo>
                          <a:pt x="3276387" y="724965"/>
                          <a:pt x="3369081" y="1393731"/>
                          <a:pt x="3353453" y="1551581"/>
                        </a:cubicBezTo>
                        <a:cubicBezTo>
                          <a:pt x="3370112" y="1724944"/>
                          <a:pt x="3227915" y="1834329"/>
                          <a:pt x="3043129" y="1861905"/>
                        </a:cubicBezTo>
                        <a:cubicBezTo>
                          <a:pt x="2593025" y="1949544"/>
                          <a:pt x="1471724" y="1789226"/>
                          <a:pt x="310324" y="1861905"/>
                        </a:cubicBezTo>
                        <a:cubicBezTo>
                          <a:pt x="135979" y="1833701"/>
                          <a:pt x="-15616" y="1744670"/>
                          <a:pt x="0" y="1551581"/>
                        </a:cubicBezTo>
                        <a:cubicBezTo>
                          <a:pt x="-36531" y="1312543"/>
                          <a:pt x="69328" y="613835"/>
                          <a:pt x="0" y="310324"/>
                        </a:cubicBezTo>
                        <a:close/>
                      </a:path>
                    </a:pathLst>
                  </a:custGeom>
                  <ask:type>
                    <ask:lineSketchNone/>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en-GB" sz="1100" b="1" dirty="0">
                <a:solidFill>
                  <a:schemeClr val="tx1"/>
                </a:solidFill>
              </a:rPr>
              <a:t>For each user A find a user B such that</a:t>
            </a:r>
            <a:endParaRPr lang="en-GB" sz="1100" dirty="0">
              <a:solidFill>
                <a:schemeClr val="tx1"/>
              </a:solidFill>
            </a:endParaRPr>
          </a:p>
          <a:p>
            <a:pPr marL="171450" indent="-171450">
              <a:buFont typeface="Arial" panose="020B0604020202020204" pitchFamily="34" charset="0"/>
              <a:buChar char="•"/>
            </a:pPr>
            <a:r>
              <a:rPr lang="de-DE" sz="1100" dirty="0" err="1">
                <a:solidFill>
                  <a:schemeClr val="tx1"/>
                </a:solidFill>
              </a:rPr>
              <a:t>first_submission</a:t>
            </a:r>
            <a:r>
              <a:rPr lang="de-DE" sz="1100" baseline="-25000" dirty="0" err="1">
                <a:solidFill>
                  <a:schemeClr val="tx1"/>
                </a:solidFill>
              </a:rPr>
              <a:t>A</a:t>
            </a:r>
            <a:r>
              <a:rPr lang="de-DE" sz="1100" dirty="0">
                <a:solidFill>
                  <a:schemeClr val="tx1"/>
                </a:solidFill>
              </a:rPr>
              <a:t> = </a:t>
            </a:r>
            <a:r>
              <a:rPr lang="de-DE" sz="1100" dirty="0" err="1">
                <a:solidFill>
                  <a:schemeClr val="tx1"/>
                </a:solidFill>
              </a:rPr>
              <a:t>first_submission</a:t>
            </a:r>
            <a:r>
              <a:rPr lang="de-DE" sz="1100" baseline="-25000" dirty="0" err="1">
                <a:solidFill>
                  <a:schemeClr val="tx1"/>
                </a:solidFill>
              </a:rPr>
              <a:t>B</a:t>
            </a:r>
            <a:r>
              <a:rPr lang="de-DE" sz="1100" dirty="0">
                <a:solidFill>
                  <a:schemeClr val="tx1"/>
                </a:solidFill>
              </a:rPr>
              <a:t> [</a:t>
            </a:r>
            <a:r>
              <a:rPr lang="de-DE" sz="1100" dirty="0" err="1">
                <a:solidFill>
                  <a:schemeClr val="tx1"/>
                </a:solidFill>
              </a:rPr>
              <a:t>year,month</a:t>
            </a:r>
            <a:r>
              <a:rPr lang="de-DE" sz="1100" dirty="0">
                <a:solidFill>
                  <a:schemeClr val="tx1"/>
                </a:solidFill>
              </a:rPr>
              <a:t>]</a:t>
            </a:r>
          </a:p>
          <a:p>
            <a:pPr marL="171450" indent="-171450">
              <a:buFont typeface="Arial" panose="020B0604020202020204" pitchFamily="34" charset="0"/>
              <a:buChar char="•"/>
            </a:pPr>
            <a:r>
              <a:rPr lang="en-GB" sz="1100" dirty="0" err="1">
                <a:solidFill>
                  <a:schemeClr val="tx1"/>
                </a:solidFill>
              </a:rPr>
              <a:t>n_comments_lowtrust</a:t>
            </a:r>
            <a:r>
              <a:rPr lang="en-GB" sz="1100" baseline="-25000" dirty="0" err="1">
                <a:solidFill>
                  <a:schemeClr val="tx1"/>
                </a:solidFill>
              </a:rPr>
              <a:t>B</a:t>
            </a:r>
            <a:r>
              <a:rPr lang="en-GB" sz="1100" dirty="0">
                <a:solidFill>
                  <a:schemeClr val="tx1"/>
                </a:solidFill>
              </a:rPr>
              <a:t> &lt; 10</a:t>
            </a:r>
          </a:p>
          <a:p>
            <a:pPr marL="171450" indent="-171450">
              <a:buFont typeface="Arial" panose="020B0604020202020204" pitchFamily="34" charset="0"/>
              <a:buChar char="•"/>
            </a:pPr>
            <a:r>
              <a:rPr lang="en-GB" sz="1100" dirty="0">
                <a:solidFill>
                  <a:schemeClr val="tx1"/>
                </a:solidFill>
              </a:rPr>
              <a:t>0.75 &lt; </a:t>
            </a:r>
            <a:r>
              <a:rPr lang="en-GB" sz="1100" dirty="0" err="1">
                <a:solidFill>
                  <a:schemeClr val="tx1"/>
                </a:solidFill>
              </a:rPr>
              <a:t>n_comments</a:t>
            </a:r>
            <a:r>
              <a:rPr lang="en-GB" sz="1100" baseline="-25000" dirty="0" err="1">
                <a:solidFill>
                  <a:schemeClr val="tx1"/>
                </a:solidFill>
              </a:rPr>
              <a:t>A</a:t>
            </a:r>
            <a:r>
              <a:rPr lang="en-GB" sz="1100" dirty="0">
                <a:solidFill>
                  <a:schemeClr val="tx1"/>
                </a:solidFill>
              </a:rPr>
              <a:t>/</a:t>
            </a:r>
            <a:r>
              <a:rPr lang="en-GB" sz="1100" dirty="0" err="1">
                <a:solidFill>
                  <a:schemeClr val="tx1"/>
                </a:solidFill>
              </a:rPr>
              <a:t>n_comments</a:t>
            </a:r>
            <a:r>
              <a:rPr lang="en-GB" sz="1100" baseline="-25000" dirty="0" err="1">
                <a:solidFill>
                  <a:schemeClr val="tx1"/>
                </a:solidFill>
              </a:rPr>
              <a:t>B</a:t>
            </a:r>
            <a:r>
              <a:rPr lang="en-GB" sz="1100" dirty="0">
                <a:solidFill>
                  <a:schemeClr val="tx1"/>
                </a:solidFill>
              </a:rPr>
              <a:t> &lt; 1.50</a:t>
            </a:r>
          </a:p>
          <a:p>
            <a:pPr marL="171450" indent="-171450">
              <a:buFont typeface="Arial" panose="020B0604020202020204" pitchFamily="34" charset="0"/>
              <a:buChar char="•"/>
            </a:pPr>
            <a:r>
              <a:rPr lang="en-GB" sz="1100" dirty="0">
                <a:solidFill>
                  <a:schemeClr val="tx1"/>
                </a:solidFill>
              </a:rPr>
              <a:t>0.75 &lt; </a:t>
            </a:r>
            <a:r>
              <a:rPr lang="en-GB" sz="1100" dirty="0" err="1">
                <a:solidFill>
                  <a:schemeClr val="tx1"/>
                </a:solidFill>
              </a:rPr>
              <a:t>n_submissions</a:t>
            </a:r>
            <a:r>
              <a:rPr lang="en-GB" sz="1100" baseline="-25000" dirty="0" err="1">
                <a:solidFill>
                  <a:schemeClr val="tx1"/>
                </a:solidFill>
              </a:rPr>
              <a:t>A</a:t>
            </a:r>
            <a:r>
              <a:rPr lang="en-GB" sz="1100" dirty="0">
                <a:solidFill>
                  <a:schemeClr val="tx1"/>
                </a:solidFill>
              </a:rPr>
              <a:t>/</a:t>
            </a:r>
            <a:r>
              <a:rPr lang="en-GB" sz="1100" dirty="0" err="1">
                <a:solidFill>
                  <a:schemeClr val="tx1"/>
                </a:solidFill>
              </a:rPr>
              <a:t>n_submissions</a:t>
            </a:r>
            <a:r>
              <a:rPr lang="en-GB" sz="1100" baseline="-25000" dirty="0" err="1">
                <a:solidFill>
                  <a:schemeClr val="tx1"/>
                </a:solidFill>
              </a:rPr>
              <a:t>B</a:t>
            </a:r>
            <a:r>
              <a:rPr lang="en-GB" sz="1100" dirty="0">
                <a:solidFill>
                  <a:schemeClr val="tx1"/>
                </a:solidFill>
              </a:rPr>
              <a:t> &lt; 1.50</a:t>
            </a:r>
          </a:p>
          <a:p>
            <a:pPr marL="171450" indent="-171450">
              <a:buFont typeface="Arial" panose="020B0604020202020204" pitchFamily="34" charset="0"/>
              <a:buChar char="•"/>
            </a:pPr>
            <a:r>
              <a:rPr lang="en-GB" sz="1100" dirty="0" err="1">
                <a:solidFill>
                  <a:schemeClr val="tx1"/>
                </a:solidFill>
              </a:rPr>
              <a:t>last_submission</a:t>
            </a:r>
            <a:r>
              <a:rPr lang="en-GB" sz="1100" baseline="-25000" dirty="0" err="1">
                <a:solidFill>
                  <a:schemeClr val="tx1"/>
                </a:solidFill>
              </a:rPr>
              <a:t>A</a:t>
            </a:r>
            <a:r>
              <a:rPr lang="en-GB" sz="1100" dirty="0">
                <a:solidFill>
                  <a:schemeClr val="tx1"/>
                </a:solidFill>
              </a:rPr>
              <a:t> - </a:t>
            </a:r>
            <a:r>
              <a:rPr lang="en-GB" sz="1100" dirty="0" err="1">
                <a:solidFill>
                  <a:schemeClr val="tx1"/>
                </a:solidFill>
              </a:rPr>
              <a:t>first_submission</a:t>
            </a:r>
            <a:r>
              <a:rPr lang="en-GB" sz="1100" baseline="-25000" dirty="0" err="1">
                <a:solidFill>
                  <a:schemeClr val="tx1"/>
                </a:solidFill>
              </a:rPr>
              <a:t>A</a:t>
            </a:r>
            <a:r>
              <a:rPr lang="en-GB" sz="1100" dirty="0">
                <a:solidFill>
                  <a:schemeClr val="tx1"/>
                </a:solidFill>
              </a:rPr>
              <a:t> = </a:t>
            </a:r>
            <a:r>
              <a:rPr lang="en-GB" sz="1100" dirty="0" err="1">
                <a:solidFill>
                  <a:schemeClr val="tx1"/>
                </a:solidFill>
              </a:rPr>
              <a:t>last_submission</a:t>
            </a:r>
            <a:r>
              <a:rPr lang="en-GB" sz="1100" baseline="-25000" dirty="0" err="1">
                <a:solidFill>
                  <a:schemeClr val="tx1"/>
                </a:solidFill>
              </a:rPr>
              <a:t>B</a:t>
            </a:r>
            <a:r>
              <a:rPr lang="en-GB" sz="1100" dirty="0">
                <a:solidFill>
                  <a:schemeClr val="tx1"/>
                </a:solidFill>
              </a:rPr>
              <a:t> - </a:t>
            </a:r>
            <a:r>
              <a:rPr lang="en-GB" sz="1100" dirty="0" err="1">
                <a:solidFill>
                  <a:schemeClr val="tx1"/>
                </a:solidFill>
              </a:rPr>
              <a:t>first_submission</a:t>
            </a:r>
            <a:r>
              <a:rPr lang="en-GB" sz="1100" baseline="-25000" dirty="0" err="1">
                <a:solidFill>
                  <a:schemeClr val="tx1"/>
                </a:solidFill>
              </a:rPr>
              <a:t>B</a:t>
            </a:r>
            <a:r>
              <a:rPr lang="en-GB" sz="1100" dirty="0">
                <a:solidFill>
                  <a:schemeClr val="tx1"/>
                </a:solidFill>
              </a:rPr>
              <a:t> ± 366 days</a:t>
            </a:r>
          </a:p>
          <a:p>
            <a:pPr marL="171450" indent="-171450">
              <a:buFont typeface="Arial" panose="020B0604020202020204" pitchFamily="34" charset="0"/>
              <a:buChar char="•"/>
            </a:pPr>
            <a:r>
              <a:rPr lang="en-GB" sz="1100" dirty="0">
                <a:solidFill>
                  <a:schemeClr val="tx1"/>
                </a:solidFill>
              </a:rPr>
              <a:t>0.50 &lt; </a:t>
            </a:r>
            <a:r>
              <a:rPr lang="en-GB" sz="1100" dirty="0" err="1">
                <a:solidFill>
                  <a:schemeClr val="tx1"/>
                </a:solidFill>
              </a:rPr>
              <a:t>total_karma</a:t>
            </a:r>
            <a:r>
              <a:rPr lang="en-GB" sz="1100" baseline="-25000" dirty="0" err="1">
                <a:solidFill>
                  <a:schemeClr val="tx1"/>
                </a:solidFill>
              </a:rPr>
              <a:t>A</a:t>
            </a:r>
            <a:r>
              <a:rPr lang="en-GB" sz="1100" dirty="0">
                <a:solidFill>
                  <a:schemeClr val="tx1"/>
                </a:solidFill>
              </a:rPr>
              <a:t>/</a:t>
            </a:r>
            <a:r>
              <a:rPr lang="en-GB" sz="1100" dirty="0" err="1">
                <a:solidFill>
                  <a:schemeClr val="tx1"/>
                </a:solidFill>
              </a:rPr>
              <a:t>total_karma</a:t>
            </a:r>
            <a:r>
              <a:rPr lang="en-GB" sz="1100" baseline="-25000" dirty="0" err="1">
                <a:solidFill>
                  <a:schemeClr val="tx1"/>
                </a:solidFill>
              </a:rPr>
              <a:t>B</a:t>
            </a:r>
            <a:r>
              <a:rPr lang="en-GB" sz="1100" dirty="0">
                <a:solidFill>
                  <a:schemeClr val="tx1"/>
                </a:solidFill>
              </a:rPr>
              <a:t> &lt; 2.00</a:t>
            </a:r>
          </a:p>
          <a:p>
            <a:pPr marL="171450" indent="-171450">
              <a:buFont typeface="Arial" panose="020B0604020202020204" pitchFamily="34" charset="0"/>
              <a:buChar char="•"/>
            </a:pPr>
            <a:r>
              <a:rPr lang="en-GB" sz="1100" dirty="0">
                <a:solidFill>
                  <a:schemeClr val="tx1"/>
                </a:solidFill>
              </a:rPr>
              <a:t>0.50 &lt; </a:t>
            </a:r>
            <a:r>
              <a:rPr lang="en-GB" sz="1100" dirty="0" err="1">
                <a:solidFill>
                  <a:schemeClr val="tx1"/>
                </a:solidFill>
              </a:rPr>
              <a:t>n_subreddits</a:t>
            </a:r>
            <a:r>
              <a:rPr lang="en-GB" sz="1100" baseline="-25000" dirty="0" err="1">
                <a:solidFill>
                  <a:schemeClr val="tx1"/>
                </a:solidFill>
              </a:rPr>
              <a:t>A</a:t>
            </a:r>
            <a:r>
              <a:rPr lang="en-GB" sz="1100" dirty="0">
                <a:solidFill>
                  <a:schemeClr val="tx1"/>
                </a:solidFill>
              </a:rPr>
              <a:t>/</a:t>
            </a:r>
            <a:r>
              <a:rPr lang="en-GB" sz="1100" dirty="0" err="1">
                <a:solidFill>
                  <a:schemeClr val="tx1"/>
                </a:solidFill>
              </a:rPr>
              <a:t>n_subreddits</a:t>
            </a:r>
            <a:r>
              <a:rPr lang="en-GB" sz="1100" baseline="-25000" dirty="0" err="1">
                <a:solidFill>
                  <a:schemeClr val="tx1"/>
                </a:solidFill>
              </a:rPr>
              <a:t>B</a:t>
            </a:r>
            <a:r>
              <a:rPr lang="en-GB" sz="1100" dirty="0">
                <a:solidFill>
                  <a:schemeClr val="tx1"/>
                </a:solidFill>
              </a:rPr>
              <a:t> &lt; 2.00</a:t>
            </a:r>
          </a:p>
          <a:p>
            <a:r>
              <a:rPr lang="en-GB" sz="1100" dirty="0">
                <a:solidFill>
                  <a:schemeClr val="tx1"/>
                </a:solidFill>
              </a:rPr>
              <a:t>Compute user embedding:</a:t>
            </a:r>
          </a:p>
          <a:p>
            <a:r>
              <a:rPr lang="en-GB" sz="1100" dirty="0">
                <a:solidFill>
                  <a:srgbClr val="00802F"/>
                </a:solidFill>
              </a:rPr>
              <a:t>[user community frequency] x [community embedding]</a:t>
            </a:r>
          </a:p>
          <a:p>
            <a:br>
              <a:rPr lang="en-GB" sz="1100" dirty="0">
                <a:solidFill>
                  <a:schemeClr val="tx1"/>
                </a:solidFill>
              </a:rPr>
            </a:br>
            <a:endParaRPr lang="en-GB" sz="1100" dirty="0">
              <a:solidFill>
                <a:schemeClr val="tx1"/>
              </a:solidFill>
            </a:endParaRPr>
          </a:p>
        </p:txBody>
      </p:sp>
      <mc:AlternateContent xmlns:mc="http://schemas.openxmlformats.org/markup-compatibility/2006" xmlns:a14="http://schemas.microsoft.com/office/drawing/2010/main">
        <mc:Choice Requires="a14">
          <p:sp>
            <p:nvSpPr>
              <p:cNvPr id="12" name="Rounded Rectangle 11">
                <a:extLst>
                  <a:ext uri="{FF2B5EF4-FFF2-40B4-BE49-F238E27FC236}">
                    <a16:creationId xmlns:a16="http://schemas.microsoft.com/office/drawing/2014/main" id="{818AF0B3-A0A6-4EC5-ECAF-3EE1F4116A69}"/>
                  </a:ext>
                </a:extLst>
              </p:cNvPr>
              <p:cNvSpPr/>
              <p:nvPr/>
            </p:nvSpPr>
            <p:spPr>
              <a:xfrm>
                <a:off x="5708513" y="2467637"/>
                <a:ext cx="1564463" cy="831632"/>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a14:m>
                  <m:oMathPara xmlns:m="http://schemas.openxmlformats.org/officeDocument/2006/math">
                    <m:oMathParaPr>
                      <m:jc m:val="centerGroup"/>
                    </m:oMathParaPr>
                    <m:oMath xmlns:m="http://schemas.openxmlformats.org/officeDocument/2006/math">
                      <m:r>
                        <a:rPr lang="en-GB" sz="1100" b="0" i="1" smtClean="0">
                          <a:solidFill>
                            <a:schemeClr val="tx1"/>
                          </a:solidFill>
                          <a:latin typeface="Cambria Math" panose="02040503050406030204" pitchFamily="18" charset="0"/>
                        </a:rPr>
                        <m:t>𝑠𝑖𝑚</m:t>
                      </m:r>
                      <m:d>
                        <m:dPr>
                          <m:ctrlPr>
                            <a:rPr lang="en-GB" sz="1100" b="0" i="1" smtClean="0">
                              <a:solidFill>
                                <a:schemeClr val="tx1"/>
                              </a:solidFill>
                              <a:latin typeface="Cambria Math" panose="02040503050406030204" pitchFamily="18" charset="0"/>
                            </a:rPr>
                          </m:ctrlPr>
                        </m:dPr>
                        <m:e>
                          <m:r>
                            <a:rPr lang="en-GB" sz="1100" b="0" i="1" smtClean="0">
                              <a:solidFill>
                                <a:schemeClr val="tx1"/>
                              </a:solidFill>
                              <a:latin typeface="Cambria Math" panose="02040503050406030204" pitchFamily="18" charset="0"/>
                            </a:rPr>
                            <m:t>𝐴</m:t>
                          </m:r>
                          <m:r>
                            <a:rPr lang="en-GB" sz="1100" b="0" i="1" smtClean="0">
                              <a:solidFill>
                                <a:schemeClr val="tx1"/>
                              </a:solidFill>
                              <a:latin typeface="Cambria Math" panose="02040503050406030204" pitchFamily="18" charset="0"/>
                            </a:rPr>
                            <m:t>,</m:t>
                          </m:r>
                          <m:r>
                            <a:rPr lang="en-GB" sz="1100" b="0" i="1" smtClean="0">
                              <a:solidFill>
                                <a:schemeClr val="tx1"/>
                              </a:solidFill>
                              <a:latin typeface="Cambria Math" panose="02040503050406030204" pitchFamily="18" charset="0"/>
                            </a:rPr>
                            <m:t>𝐵</m:t>
                          </m:r>
                        </m:e>
                      </m:d>
                      <m:r>
                        <a:rPr lang="en-GB" sz="1100" b="0" i="1" smtClean="0">
                          <a:solidFill>
                            <a:schemeClr val="tx1"/>
                          </a:solidFill>
                          <a:latin typeface="Cambria Math" panose="02040503050406030204" pitchFamily="18" charset="0"/>
                        </a:rPr>
                        <m:t>= </m:t>
                      </m:r>
                      <m:f>
                        <m:fPr>
                          <m:ctrlPr>
                            <a:rPr lang="en-GB" sz="1100" b="0" i="1" smtClean="0">
                              <a:solidFill>
                                <a:schemeClr val="tx1"/>
                              </a:solidFill>
                              <a:latin typeface="Cambria Math" panose="02040503050406030204" pitchFamily="18" charset="0"/>
                            </a:rPr>
                          </m:ctrlPr>
                        </m:fPr>
                        <m:num>
                          <m:r>
                            <a:rPr lang="en-GB" sz="1100" b="0" i="1" smtClean="0">
                              <a:solidFill>
                                <a:schemeClr val="tx1"/>
                              </a:solidFill>
                              <a:latin typeface="Cambria Math" panose="02040503050406030204" pitchFamily="18" charset="0"/>
                            </a:rPr>
                            <m:t>𝐴</m:t>
                          </m:r>
                          <m:r>
                            <a:rPr lang="en-GB" sz="1100" b="0" i="1" smtClean="0">
                              <a:solidFill>
                                <a:schemeClr val="tx1"/>
                              </a:solidFill>
                              <a:latin typeface="Cambria Math" panose="02040503050406030204" pitchFamily="18" charset="0"/>
                              <a:ea typeface="Cambria Math" panose="02040503050406030204" pitchFamily="18" charset="0"/>
                            </a:rPr>
                            <m:t>∙</m:t>
                          </m:r>
                          <m:r>
                            <a:rPr lang="en-GB" sz="1100" b="0" i="1" smtClean="0">
                              <a:solidFill>
                                <a:schemeClr val="tx1"/>
                              </a:solidFill>
                              <a:latin typeface="Cambria Math" panose="02040503050406030204" pitchFamily="18" charset="0"/>
                              <a:ea typeface="Cambria Math" panose="02040503050406030204" pitchFamily="18" charset="0"/>
                            </a:rPr>
                            <m:t>𝐵</m:t>
                          </m:r>
                        </m:num>
                        <m:den>
                          <m:r>
                            <a:rPr lang="en-GB" sz="1100" i="1">
                              <a:solidFill>
                                <a:schemeClr val="tx1"/>
                              </a:solidFill>
                              <a:latin typeface="Cambria Math" panose="02040503050406030204" pitchFamily="18" charset="0"/>
                            </a:rPr>
                            <m:t>‖</m:t>
                          </m:r>
                          <m:r>
                            <a:rPr lang="en-GB" sz="1100" b="0" i="1" smtClean="0">
                              <a:solidFill>
                                <a:schemeClr val="tx1"/>
                              </a:solidFill>
                              <a:latin typeface="Cambria Math" panose="02040503050406030204" pitchFamily="18" charset="0"/>
                            </a:rPr>
                            <m:t>𝐴</m:t>
                          </m:r>
                          <m:r>
                            <a:rPr lang="en-GB" sz="1100" i="1">
                              <a:solidFill>
                                <a:schemeClr val="tx1"/>
                              </a:solidFill>
                              <a:latin typeface="Cambria Math" panose="02040503050406030204" pitchFamily="18" charset="0"/>
                            </a:rPr>
                            <m:t>‖‖</m:t>
                          </m:r>
                          <m:r>
                            <a:rPr lang="en-GB" sz="1100" b="0" i="1" smtClean="0">
                              <a:solidFill>
                                <a:schemeClr val="tx1"/>
                              </a:solidFill>
                              <a:latin typeface="Cambria Math" panose="02040503050406030204" pitchFamily="18" charset="0"/>
                            </a:rPr>
                            <m:t>𝐵</m:t>
                          </m:r>
                          <m:r>
                            <a:rPr lang="en-GB" sz="1100" i="1">
                              <a:solidFill>
                                <a:schemeClr val="tx1"/>
                              </a:solidFill>
                              <a:latin typeface="Cambria Math" panose="02040503050406030204" pitchFamily="18" charset="0"/>
                            </a:rPr>
                            <m:t>‖</m:t>
                          </m:r>
                        </m:den>
                      </m:f>
                    </m:oMath>
                  </m:oMathPara>
                </a14:m>
                <a:endParaRPr lang="en-GB" sz="1100" dirty="0">
                  <a:solidFill>
                    <a:schemeClr val="tx1"/>
                  </a:solidFill>
                </a:endParaRPr>
              </a:p>
            </p:txBody>
          </p:sp>
        </mc:Choice>
        <mc:Fallback xmlns="">
          <p:sp>
            <p:nvSpPr>
              <p:cNvPr id="12" name="Rounded Rectangle 11">
                <a:extLst>
                  <a:ext uri="{FF2B5EF4-FFF2-40B4-BE49-F238E27FC236}">
                    <a16:creationId xmlns:a16="http://schemas.microsoft.com/office/drawing/2014/main" id="{818AF0B3-A0A6-4EC5-ECAF-3EE1F4116A69}"/>
                  </a:ext>
                </a:extLst>
              </p:cNvPr>
              <p:cNvSpPr>
                <a:spLocks noRot="1" noChangeAspect="1" noMove="1" noResize="1" noEditPoints="1" noAdjustHandles="1" noChangeArrowheads="1" noChangeShapeType="1" noTextEdit="1"/>
              </p:cNvSpPr>
              <p:nvPr/>
            </p:nvSpPr>
            <p:spPr>
              <a:xfrm>
                <a:off x="5708513" y="2467637"/>
                <a:ext cx="1564463" cy="831632"/>
              </a:xfrm>
              <a:prstGeom prst="roundRect">
                <a:avLst/>
              </a:prstGeom>
              <a:blipFill>
                <a:blip r:embed="rId7"/>
                <a:stretch>
                  <a:fillRect/>
                </a:stretch>
              </a:blipFill>
            </p:spPr>
            <p:txBody>
              <a:bodyPr/>
              <a:lstStyle/>
              <a:p>
                <a:r>
                  <a:rPr lang="en-US">
                    <a:noFill/>
                  </a:rPr>
                  <a:t> </a:t>
                </a:r>
              </a:p>
            </p:txBody>
          </p:sp>
        </mc:Fallback>
      </mc:AlternateContent>
      <p:sp>
        <p:nvSpPr>
          <p:cNvPr id="13" name="Rounded Rectangle 12">
            <a:extLst>
              <a:ext uri="{FF2B5EF4-FFF2-40B4-BE49-F238E27FC236}">
                <a16:creationId xmlns:a16="http://schemas.microsoft.com/office/drawing/2014/main" id="{833438AD-227E-958A-E782-7B82B7F47650}"/>
              </a:ext>
            </a:extLst>
          </p:cNvPr>
          <p:cNvSpPr/>
          <p:nvPr/>
        </p:nvSpPr>
        <p:spPr>
          <a:xfrm>
            <a:off x="7574184" y="1626417"/>
            <a:ext cx="1220167" cy="841220"/>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de-DE" sz="1100" b="1" dirty="0">
                <a:solidFill>
                  <a:schemeClr val="tx1"/>
                </a:solidFill>
              </a:rPr>
              <a:t>Group US:</a:t>
            </a:r>
          </a:p>
          <a:p>
            <a:r>
              <a:rPr lang="en-GB" sz="1000" i="1" dirty="0">
                <a:solidFill>
                  <a:schemeClr val="tx1"/>
                </a:solidFill>
              </a:rPr>
              <a:t>Unreliable sharers</a:t>
            </a:r>
          </a:p>
          <a:p>
            <a:r>
              <a:rPr lang="en-GB" sz="1100" dirty="0">
                <a:solidFill>
                  <a:schemeClr val="tx1"/>
                </a:solidFill>
              </a:rPr>
              <a:t>3,998 users</a:t>
            </a:r>
          </a:p>
        </p:txBody>
      </p:sp>
      <p:sp>
        <p:nvSpPr>
          <p:cNvPr id="14" name="Rounded Rectangle 13">
            <a:extLst>
              <a:ext uri="{FF2B5EF4-FFF2-40B4-BE49-F238E27FC236}">
                <a16:creationId xmlns:a16="http://schemas.microsoft.com/office/drawing/2014/main" id="{AB871931-0797-1BF8-E70C-36AB7AADF66D}"/>
              </a:ext>
            </a:extLst>
          </p:cNvPr>
          <p:cNvSpPr/>
          <p:nvPr/>
        </p:nvSpPr>
        <p:spPr>
          <a:xfrm>
            <a:off x="7574184" y="3178992"/>
            <a:ext cx="1220167" cy="841220"/>
          </a:xfrm>
          <a:prstGeom prst="roundRect">
            <a:avLst/>
          </a:prstGeom>
          <a:solidFill>
            <a:schemeClr val="accent1">
              <a:alpha val="1452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de-DE" sz="1100" b="1" dirty="0">
                <a:solidFill>
                  <a:schemeClr val="tx1"/>
                </a:solidFill>
              </a:rPr>
              <a:t>Group RS:</a:t>
            </a:r>
          </a:p>
          <a:p>
            <a:r>
              <a:rPr lang="en-GB" sz="1000" i="1" dirty="0">
                <a:solidFill>
                  <a:schemeClr val="tx1"/>
                </a:solidFill>
              </a:rPr>
              <a:t>Reliable sharers</a:t>
            </a:r>
            <a:endParaRPr lang="de-DE" sz="1100" b="1" dirty="0">
              <a:solidFill>
                <a:schemeClr val="tx1"/>
              </a:solidFill>
            </a:endParaRPr>
          </a:p>
          <a:p>
            <a:r>
              <a:rPr lang="de-DE" sz="1100" dirty="0">
                <a:solidFill>
                  <a:schemeClr val="tx1"/>
                </a:solidFill>
              </a:rPr>
              <a:t>3,469 </a:t>
            </a:r>
            <a:r>
              <a:rPr lang="en-GB" sz="1100" dirty="0">
                <a:solidFill>
                  <a:schemeClr val="tx1"/>
                </a:solidFill>
              </a:rPr>
              <a:t>users</a:t>
            </a:r>
          </a:p>
        </p:txBody>
      </p:sp>
      <p:cxnSp>
        <p:nvCxnSpPr>
          <p:cNvPr id="16" name="Straight Arrow Connector 15">
            <a:extLst>
              <a:ext uri="{FF2B5EF4-FFF2-40B4-BE49-F238E27FC236}">
                <a16:creationId xmlns:a16="http://schemas.microsoft.com/office/drawing/2014/main" id="{048D6E0B-82AB-54F1-5C3D-8917F3837917}"/>
              </a:ext>
            </a:extLst>
          </p:cNvPr>
          <p:cNvCxnSpPr>
            <a:stCxn id="6" idx="3"/>
            <a:endCxn id="11" idx="1"/>
          </p:cNvCxnSpPr>
          <p:nvPr/>
        </p:nvCxnSpPr>
        <p:spPr>
          <a:xfrm>
            <a:off x="1578942" y="2047027"/>
            <a:ext cx="301208" cy="831633"/>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3534A710-2438-C127-60A6-1F0EA141CEB1}"/>
              </a:ext>
            </a:extLst>
          </p:cNvPr>
          <p:cNvCxnSpPr>
            <a:stCxn id="9" idx="3"/>
            <a:endCxn id="11" idx="1"/>
          </p:cNvCxnSpPr>
          <p:nvPr/>
        </p:nvCxnSpPr>
        <p:spPr>
          <a:xfrm flipV="1">
            <a:off x="1578942" y="2878660"/>
            <a:ext cx="301208" cy="720942"/>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20" name="Straight Arrow Connector 19">
            <a:extLst>
              <a:ext uri="{FF2B5EF4-FFF2-40B4-BE49-F238E27FC236}">
                <a16:creationId xmlns:a16="http://schemas.microsoft.com/office/drawing/2014/main" id="{B4542510-8A9F-54D2-65F5-692EB9DACE37}"/>
              </a:ext>
            </a:extLst>
          </p:cNvPr>
          <p:cNvCxnSpPr>
            <a:stCxn id="11" idx="3"/>
            <a:endCxn id="12" idx="1"/>
          </p:cNvCxnSpPr>
          <p:nvPr/>
        </p:nvCxnSpPr>
        <p:spPr>
          <a:xfrm>
            <a:off x="5407305" y="2878660"/>
            <a:ext cx="301208" cy="4793"/>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22" name="Straight Arrow Connector 21">
            <a:extLst>
              <a:ext uri="{FF2B5EF4-FFF2-40B4-BE49-F238E27FC236}">
                <a16:creationId xmlns:a16="http://schemas.microsoft.com/office/drawing/2014/main" id="{7EE07E01-D10B-38E1-972D-40043DBDB428}"/>
              </a:ext>
            </a:extLst>
          </p:cNvPr>
          <p:cNvCxnSpPr>
            <a:stCxn id="12" idx="3"/>
            <a:endCxn id="13" idx="1"/>
          </p:cNvCxnSpPr>
          <p:nvPr/>
        </p:nvCxnSpPr>
        <p:spPr>
          <a:xfrm flipV="1">
            <a:off x="7272976" y="2047027"/>
            <a:ext cx="301208" cy="836426"/>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24" name="Straight Arrow Connector 23">
            <a:extLst>
              <a:ext uri="{FF2B5EF4-FFF2-40B4-BE49-F238E27FC236}">
                <a16:creationId xmlns:a16="http://schemas.microsoft.com/office/drawing/2014/main" id="{010B791B-CD72-45BE-2C57-7EC2E9C3D41D}"/>
              </a:ext>
            </a:extLst>
          </p:cNvPr>
          <p:cNvCxnSpPr>
            <a:stCxn id="12" idx="3"/>
            <a:endCxn id="14" idx="1"/>
          </p:cNvCxnSpPr>
          <p:nvPr/>
        </p:nvCxnSpPr>
        <p:spPr>
          <a:xfrm>
            <a:off x="7272976" y="2883453"/>
            <a:ext cx="301208" cy="716149"/>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1993164713"/>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pic>
        <p:nvPicPr>
          <p:cNvPr id="4" name="Picture 3" descr="A picture containing text, screenshot, font, poster&#10;&#10;Description automatically generated">
            <a:extLst>
              <a:ext uri="{FF2B5EF4-FFF2-40B4-BE49-F238E27FC236}">
                <a16:creationId xmlns:a16="http://schemas.microsoft.com/office/drawing/2014/main" id="{A90351C3-5C5F-4D3E-8670-5F3CE1E67EF8}"/>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293741" y="125506"/>
            <a:ext cx="3612818" cy="3287806"/>
          </a:xfrm>
          <a:prstGeom prst="rect">
            <a:avLst/>
          </a:prstGeom>
        </p:spPr>
      </p:pic>
      <p:pic>
        <p:nvPicPr>
          <p:cNvPr id="6" name="Picture 5" descr="A picture containing text, font, line, screenshot&#10;&#10;Description automatically generated">
            <a:extLst>
              <a:ext uri="{FF2B5EF4-FFF2-40B4-BE49-F238E27FC236}">
                <a16:creationId xmlns:a16="http://schemas.microsoft.com/office/drawing/2014/main" id="{DC186019-2C4B-DB4A-9072-B3FD44166CAA}"/>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276318" y="3475561"/>
            <a:ext cx="5725117" cy="1542433"/>
          </a:xfrm>
          <a:prstGeom prst="rect">
            <a:avLst/>
          </a:prstGeom>
        </p:spPr>
      </p:pic>
      <p:pic>
        <p:nvPicPr>
          <p:cNvPr id="8" name="Picture 7" descr="A picture containing text, screenshot, font&#10;&#10;Description automatically generated">
            <a:extLst>
              <a:ext uri="{FF2B5EF4-FFF2-40B4-BE49-F238E27FC236}">
                <a16:creationId xmlns:a16="http://schemas.microsoft.com/office/drawing/2014/main" id="{CFA5DD04-FCF8-2B0F-BDF0-E1C6E2F92D21}"/>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4096870" y="384911"/>
            <a:ext cx="4061010" cy="1012655"/>
          </a:xfrm>
          <a:prstGeom prst="rect">
            <a:avLst/>
          </a:prstGeom>
        </p:spPr>
      </p:pic>
      <p:pic>
        <p:nvPicPr>
          <p:cNvPr id="10" name="Picture 9" descr="A picture containing text, screenshot, font, line&#10;&#10;Description automatically generated">
            <a:extLst>
              <a:ext uri="{FF2B5EF4-FFF2-40B4-BE49-F238E27FC236}">
                <a16:creationId xmlns:a16="http://schemas.microsoft.com/office/drawing/2014/main" id="{EFBABAC7-C335-5244-7FC3-B18DBFEA0859}"/>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4096870" y="1964391"/>
            <a:ext cx="4363618" cy="759759"/>
          </a:xfrm>
          <a:prstGeom prst="rect">
            <a:avLst/>
          </a:prstGeom>
        </p:spPr>
      </p:pic>
    </p:spTree>
    <p:extLst>
      <p:ext uri="{BB962C8B-B14F-4D97-AF65-F5344CB8AC3E}">
        <p14:creationId xmlns:p14="http://schemas.microsoft.com/office/powerpoint/2010/main" val="138073769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EF9789A-4335-4577-AF25-1CB52F39AA43}"/>
              </a:ext>
            </a:extLst>
          </p:cNvPr>
          <p:cNvSpPr>
            <a:spLocks noGrp="1"/>
          </p:cNvSpPr>
          <p:nvPr>
            <p:ph type="title"/>
          </p:nvPr>
        </p:nvSpPr>
        <p:spPr>
          <a:xfrm>
            <a:off x="358775" y="376238"/>
            <a:ext cx="8426450" cy="609662"/>
          </a:xfrm>
        </p:spPr>
        <p:txBody>
          <a:bodyPr/>
          <a:lstStyle/>
          <a:p>
            <a:r>
              <a:rPr lang="en-GB" sz="2000" dirty="0"/>
              <a:t>Characterizing and predicting misinformation sharers I/II</a:t>
            </a:r>
            <a:endParaRPr lang="en-GB" dirty="0"/>
          </a:p>
        </p:txBody>
      </p:sp>
      <p:sp>
        <p:nvSpPr>
          <p:cNvPr id="4" name="TextBox 3">
            <a:extLst>
              <a:ext uri="{FF2B5EF4-FFF2-40B4-BE49-F238E27FC236}">
                <a16:creationId xmlns:a16="http://schemas.microsoft.com/office/drawing/2014/main" id="{38E79561-4FB8-C479-274F-FDD2EFCB926D}"/>
              </a:ext>
            </a:extLst>
          </p:cNvPr>
          <p:cNvSpPr txBox="1"/>
          <p:nvPr/>
        </p:nvSpPr>
        <p:spPr>
          <a:xfrm>
            <a:off x="358775" y="1402199"/>
            <a:ext cx="8350885" cy="2339102"/>
          </a:xfrm>
          <a:prstGeom prst="rect">
            <a:avLst/>
          </a:prstGeom>
          <a:noFill/>
        </p:spPr>
        <p:txBody>
          <a:bodyPr wrap="square" numCol="1" rtlCol="0" anchor="ctr">
            <a:spAutoFit/>
          </a:bodyPr>
          <a:lstStyle/>
          <a:p>
            <a:pPr marL="285750" indent="-285750">
              <a:buFont typeface="Arial" panose="020B0604020202020204" pitchFamily="34" charset="0"/>
              <a:buChar char="•"/>
            </a:pPr>
            <a:r>
              <a:rPr lang="en-US" sz="1600" dirty="0"/>
              <a:t>Predicted user misinformation sharing likelihood with demographics, personality, emotion, writing style, and social media behavior. </a:t>
            </a:r>
            <a:r>
              <a:rPr lang="en-GB" sz="1600" i="1" dirty="0"/>
              <a:t>Shrestha &amp; </a:t>
            </a:r>
            <a:r>
              <a:rPr lang="en-GB" sz="1600" i="1" dirty="0" err="1"/>
              <a:t>Spezzano</a:t>
            </a:r>
            <a:r>
              <a:rPr lang="en-GB" sz="1600" i="1" dirty="0"/>
              <a:t>, 2022</a:t>
            </a:r>
          </a:p>
          <a:p>
            <a:endParaRPr lang="en-GB" sz="1600" i="1" dirty="0">
              <a:solidFill>
                <a:srgbClr val="333333"/>
              </a:solidFill>
              <a:latin typeface="-apple-system"/>
            </a:endParaRPr>
          </a:p>
          <a:p>
            <a:pPr marL="285750" indent="-285750">
              <a:buFont typeface="Arial" panose="020B0604020202020204" pitchFamily="34" charset="0"/>
              <a:buChar char="•"/>
            </a:pPr>
            <a:r>
              <a:rPr lang="en-US" sz="1600" dirty="0"/>
              <a:t>Used LIWC features to detect characteristics of Twitter users sharing misinformation. </a:t>
            </a:r>
            <a:r>
              <a:rPr lang="en-GB" sz="1600" i="1" dirty="0"/>
              <a:t>Shrestha &amp; </a:t>
            </a:r>
            <a:r>
              <a:rPr lang="en-GB" sz="1600" i="1" dirty="0" err="1"/>
              <a:t>Spezzano</a:t>
            </a:r>
            <a:r>
              <a:rPr lang="en-GB" sz="1600" i="1" dirty="0"/>
              <a:t>, 2020</a:t>
            </a:r>
          </a:p>
          <a:p>
            <a:endParaRPr lang="en-GB" sz="1600" dirty="0"/>
          </a:p>
          <a:p>
            <a:pPr marL="285750" indent="-285750">
              <a:buFont typeface="Arial" panose="020B0604020202020204" pitchFamily="34" charset="0"/>
              <a:buChar char="•"/>
            </a:pPr>
            <a:r>
              <a:rPr lang="en-GB" sz="1400" dirty="0"/>
              <a:t>Evaluated ML models for predicting user reposting from unreliable sources using linguistic and topic features</a:t>
            </a:r>
            <a:r>
              <a:rPr lang="en-US" sz="1600" dirty="0"/>
              <a:t>. </a:t>
            </a:r>
            <a:r>
              <a:rPr lang="en-US" sz="1600" i="1" dirty="0"/>
              <a:t>Mu &amp; </a:t>
            </a:r>
            <a:r>
              <a:rPr lang="en-US" sz="1600" i="1" dirty="0" err="1"/>
              <a:t>Aletras</a:t>
            </a:r>
            <a:r>
              <a:rPr lang="en-US" sz="1600" i="1" dirty="0"/>
              <a:t>, 2020</a:t>
            </a:r>
          </a:p>
          <a:p>
            <a:pPr marL="285750" indent="-285750">
              <a:buFont typeface="Arial" panose="020B0604020202020204" pitchFamily="34" charset="0"/>
              <a:buChar char="•"/>
            </a:pPr>
            <a:endParaRPr lang="en-US" sz="1800" i="1" dirty="0">
              <a:solidFill>
                <a:srgbClr val="333333"/>
              </a:solidFill>
              <a:latin typeface="-apple-system"/>
            </a:endParaRPr>
          </a:p>
        </p:txBody>
      </p:sp>
    </p:spTree>
    <p:custDataLst>
      <p:custData r:id="rId1"/>
      <p:custData r:id="rId2"/>
    </p:custDataLst>
    <p:extLst>
      <p:ext uri="{BB962C8B-B14F-4D97-AF65-F5344CB8AC3E}">
        <p14:creationId xmlns:p14="http://schemas.microsoft.com/office/powerpoint/2010/main" val="2357542863"/>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A7F96027-193A-1518-E28C-3E99119948CF}"/>
              </a:ext>
            </a:extLst>
          </p:cNvPr>
          <p:cNvSpPr txBox="1"/>
          <p:nvPr/>
        </p:nvSpPr>
        <p:spPr>
          <a:xfrm>
            <a:off x="1416306" y="360955"/>
            <a:ext cx="2041395" cy="400110"/>
          </a:xfrm>
          <a:prstGeom prst="rect">
            <a:avLst/>
          </a:prstGeom>
          <a:noFill/>
        </p:spPr>
        <p:txBody>
          <a:bodyPr wrap="square" rtlCol="0">
            <a:spAutoFit/>
          </a:bodyPr>
          <a:lstStyle/>
          <a:p>
            <a:pPr algn="ctr"/>
            <a:r>
              <a:rPr lang="en-US" sz="2000" dirty="0">
                <a:latin typeface="+mj-lt"/>
                <a:ea typeface="+mj-ea"/>
                <a:cs typeface="+mj-cs"/>
              </a:rPr>
              <a:t>Previous research</a:t>
            </a:r>
          </a:p>
        </p:txBody>
      </p:sp>
      <p:sp>
        <p:nvSpPr>
          <p:cNvPr id="10" name="TextBox 9">
            <a:extLst>
              <a:ext uri="{FF2B5EF4-FFF2-40B4-BE49-F238E27FC236}">
                <a16:creationId xmlns:a16="http://schemas.microsoft.com/office/drawing/2014/main" id="{9D6626F2-2688-05BE-0308-C04E69CB2B09}"/>
              </a:ext>
            </a:extLst>
          </p:cNvPr>
          <p:cNvSpPr txBox="1"/>
          <p:nvPr/>
        </p:nvSpPr>
        <p:spPr>
          <a:xfrm>
            <a:off x="5795296" y="366708"/>
            <a:ext cx="1690603" cy="400110"/>
          </a:xfrm>
          <a:prstGeom prst="rect">
            <a:avLst/>
          </a:prstGeom>
          <a:noFill/>
        </p:spPr>
        <p:txBody>
          <a:bodyPr wrap="square" rtlCol="0">
            <a:spAutoFit/>
          </a:bodyPr>
          <a:lstStyle/>
          <a:p>
            <a:pPr algn="ctr"/>
            <a:r>
              <a:rPr lang="en-US" sz="2000" dirty="0">
                <a:latin typeface="+mj-lt"/>
                <a:ea typeface="+mj-ea"/>
                <a:cs typeface="+mj-cs"/>
              </a:rPr>
              <a:t>Our approach</a:t>
            </a:r>
          </a:p>
        </p:txBody>
      </p:sp>
      <p:grpSp>
        <p:nvGrpSpPr>
          <p:cNvPr id="22" name="Group 21">
            <a:extLst>
              <a:ext uri="{FF2B5EF4-FFF2-40B4-BE49-F238E27FC236}">
                <a16:creationId xmlns:a16="http://schemas.microsoft.com/office/drawing/2014/main" id="{17B38048-DD2F-9B24-C6A5-B08570742BE3}"/>
              </a:ext>
            </a:extLst>
          </p:cNvPr>
          <p:cNvGrpSpPr>
            <a:grpSpLocks noChangeAspect="1"/>
          </p:cNvGrpSpPr>
          <p:nvPr/>
        </p:nvGrpSpPr>
        <p:grpSpPr>
          <a:xfrm>
            <a:off x="1858179" y="1133435"/>
            <a:ext cx="5352075" cy="1080000"/>
            <a:chOff x="1143754" y="1106541"/>
            <a:chExt cx="6672775" cy="1346506"/>
          </a:xfrm>
        </p:grpSpPr>
        <p:pic>
          <p:nvPicPr>
            <p:cNvPr id="3" name="Picture 2">
              <a:extLst>
                <a:ext uri="{FF2B5EF4-FFF2-40B4-BE49-F238E27FC236}">
                  <a16:creationId xmlns:a16="http://schemas.microsoft.com/office/drawing/2014/main" id="{E21C27EC-A081-AE62-377A-169F9A0DC62B}"/>
                </a:ext>
              </a:extLst>
            </p:cNvPr>
            <p:cNvPicPr>
              <a:picLocks noChangeAspect="1"/>
            </p:cNvPicPr>
            <p:nvPr/>
          </p:nvPicPr>
          <p:blipFill>
            <a:blip r:embed="rId5"/>
            <a:stretch>
              <a:fillRect/>
            </a:stretch>
          </p:blipFill>
          <p:spPr>
            <a:xfrm>
              <a:off x="6636176" y="1106541"/>
              <a:ext cx="917388" cy="917388"/>
            </a:xfrm>
            <a:prstGeom prst="rect">
              <a:avLst/>
            </a:prstGeom>
          </p:spPr>
        </p:pic>
        <p:pic>
          <p:nvPicPr>
            <p:cNvPr id="7" name="Picture 6" descr="A blue bird with black background&#10;&#10;Description automatically generated with medium confidence">
              <a:extLst>
                <a:ext uri="{FF2B5EF4-FFF2-40B4-BE49-F238E27FC236}">
                  <a16:creationId xmlns:a16="http://schemas.microsoft.com/office/drawing/2014/main" id="{B7709190-D688-513A-969F-98B237A91B6C}"/>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1307414" y="1106541"/>
              <a:ext cx="1116000" cy="918000"/>
            </a:xfrm>
            <a:prstGeom prst="rect">
              <a:avLst/>
            </a:prstGeom>
          </p:spPr>
        </p:pic>
        <p:sp>
          <p:nvSpPr>
            <p:cNvPr id="8" name="Right Arrow 7">
              <a:extLst>
                <a:ext uri="{FF2B5EF4-FFF2-40B4-BE49-F238E27FC236}">
                  <a16:creationId xmlns:a16="http://schemas.microsoft.com/office/drawing/2014/main" id="{20366B1F-F62C-5CBC-2FFF-D5A5C791A4CA}"/>
                </a:ext>
              </a:extLst>
            </p:cNvPr>
            <p:cNvSpPr>
              <a:spLocks noChangeAspect="1"/>
            </p:cNvSpPr>
            <p:nvPr/>
          </p:nvSpPr>
          <p:spPr>
            <a:xfrm>
              <a:off x="3719577" y="1106541"/>
              <a:ext cx="1620436" cy="918000"/>
            </a:xfrm>
            <a:prstGeom prst="rightArrow">
              <a:avLst/>
            </a:prstGeom>
            <a:no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8" name="TextBox 17">
              <a:extLst>
                <a:ext uri="{FF2B5EF4-FFF2-40B4-BE49-F238E27FC236}">
                  <a16:creationId xmlns:a16="http://schemas.microsoft.com/office/drawing/2014/main" id="{F8828CCD-540F-703D-8C34-62D43776B422}"/>
                </a:ext>
              </a:extLst>
            </p:cNvPr>
            <p:cNvSpPr txBox="1"/>
            <p:nvPr/>
          </p:nvSpPr>
          <p:spPr>
            <a:xfrm>
              <a:off x="1143754" y="2114493"/>
              <a:ext cx="1443318" cy="338554"/>
            </a:xfrm>
            <a:prstGeom prst="rect">
              <a:avLst/>
            </a:prstGeom>
            <a:noFill/>
          </p:spPr>
          <p:txBody>
            <a:bodyPr wrap="square" rtlCol="0">
              <a:spAutoFit/>
            </a:bodyPr>
            <a:lstStyle/>
            <a:p>
              <a:pPr algn="ctr"/>
              <a:r>
                <a:rPr lang="en-US" sz="1600" dirty="0"/>
                <a:t>Twitter</a:t>
              </a:r>
            </a:p>
          </p:txBody>
        </p:sp>
        <p:sp>
          <p:nvSpPr>
            <p:cNvPr id="19" name="TextBox 18">
              <a:extLst>
                <a:ext uri="{FF2B5EF4-FFF2-40B4-BE49-F238E27FC236}">
                  <a16:creationId xmlns:a16="http://schemas.microsoft.com/office/drawing/2014/main" id="{54FAFD4E-3835-B4B2-888E-B2E45E4962E4}"/>
                </a:ext>
              </a:extLst>
            </p:cNvPr>
            <p:cNvSpPr txBox="1"/>
            <p:nvPr/>
          </p:nvSpPr>
          <p:spPr>
            <a:xfrm>
              <a:off x="6373211" y="2114187"/>
              <a:ext cx="1443318" cy="338554"/>
            </a:xfrm>
            <a:prstGeom prst="rect">
              <a:avLst/>
            </a:prstGeom>
            <a:noFill/>
          </p:spPr>
          <p:txBody>
            <a:bodyPr wrap="square" rtlCol="0">
              <a:spAutoFit/>
            </a:bodyPr>
            <a:lstStyle/>
            <a:p>
              <a:pPr algn="ctr"/>
              <a:r>
                <a:rPr lang="en-US" sz="1600" dirty="0"/>
                <a:t>Reddit</a:t>
              </a:r>
            </a:p>
          </p:txBody>
        </p:sp>
      </p:grpSp>
      <p:grpSp>
        <p:nvGrpSpPr>
          <p:cNvPr id="23" name="Group 22">
            <a:extLst>
              <a:ext uri="{FF2B5EF4-FFF2-40B4-BE49-F238E27FC236}">
                <a16:creationId xmlns:a16="http://schemas.microsoft.com/office/drawing/2014/main" id="{2BC69858-82AD-6251-7B3D-AC480FF4C36B}"/>
              </a:ext>
            </a:extLst>
          </p:cNvPr>
          <p:cNvGrpSpPr>
            <a:grpSpLocks noChangeAspect="1"/>
          </p:cNvGrpSpPr>
          <p:nvPr/>
        </p:nvGrpSpPr>
        <p:grpSpPr>
          <a:xfrm>
            <a:off x="1989447" y="3273760"/>
            <a:ext cx="5256491" cy="1512393"/>
            <a:chOff x="1260307" y="1106541"/>
            <a:chExt cx="6553605" cy="1885598"/>
          </a:xfrm>
        </p:grpSpPr>
        <p:sp>
          <p:nvSpPr>
            <p:cNvPr id="26" name="Right Arrow 25">
              <a:extLst>
                <a:ext uri="{FF2B5EF4-FFF2-40B4-BE49-F238E27FC236}">
                  <a16:creationId xmlns:a16="http://schemas.microsoft.com/office/drawing/2014/main" id="{0DA4BCC9-218C-8633-4D4E-45CC03AD4DF6}"/>
                </a:ext>
              </a:extLst>
            </p:cNvPr>
            <p:cNvSpPr>
              <a:spLocks noChangeAspect="1"/>
            </p:cNvSpPr>
            <p:nvPr/>
          </p:nvSpPr>
          <p:spPr>
            <a:xfrm>
              <a:off x="3719577" y="1106541"/>
              <a:ext cx="1620436" cy="918000"/>
            </a:xfrm>
            <a:prstGeom prst="rightArrow">
              <a:avLst/>
            </a:prstGeom>
            <a:no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7" name="TextBox 26">
              <a:extLst>
                <a:ext uri="{FF2B5EF4-FFF2-40B4-BE49-F238E27FC236}">
                  <a16:creationId xmlns:a16="http://schemas.microsoft.com/office/drawing/2014/main" id="{5DD8EA3B-EA63-A94A-A302-3FBD9F2CDBF1}"/>
                </a:ext>
              </a:extLst>
            </p:cNvPr>
            <p:cNvSpPr txBox="1"/>
            <p:nvPr/>
          </p:nvSpPr>
          <p:spPr>
            <a:xfrm>
              <a:off x="1260307" y="2263062"/>
              <a:ext cx="1443318" cy="729077"/>
            </a:xfrm>
            <a:prstGeom prst="rect">
              <a:avLst/>
            </a:prstGeom>
            <a:noFill/>
          </p:spPr>
          <p:txBody>
            <a:bodyPr wrap="square" rtlCol="0">
              <a:spAutoFit/>
            </a:bodyPr>
            <a:lstStyle/>
            <a:p>
              <a:pPr algn="ctr"/>
              <a:r>
                <a:rPr lang="en-US" sz="1600" dirty="0"/>
                <a:t>1-period analysis</a:t>
              </a:r>
            </a:p>
          </p:txBody>
        </p:sp>
        <p:sp>
          <p:nvSpPr>
            <p:cNvPr id="28" name="TextBox 27">
              <a:extLst>
                <a:ext uri="{FF2B5EF4-FFF2-40B4-BE49-F238E27FC236}">
                  <a16:creationId xmlns:a16="http://schemas.microsoft.com/office/drawing/2014/main" id="{E86BFC24-0CBE-4377-9383-26D725AEFBC3}"/>
                </a:ext>
              </a:extLst>
            </p:cNvPr>
            <p:cNvSpPr txBox="1"/>
            <p:nvPr/>
          </p:nvSpPr>
          <p:spPr>
            <a:xfrm>
              <a:off x="6370594" y="2263062"/>
              <a:ext cx="1443318" cy="729077"/>
            </a:xfrm>
            <a:prstGeom prst="rect">
              <a:avLst/>
            </a:prstGeom>
            <a:noFill/>
          </p:spPr>
          <p:txBody>
            <a:bodyPr wrap="square" rtlCol="0">
              <a:spAutoFit/>
            </a:bodyPr>
            <a:lstStyle/>
            <a:p>
              <a:pPr algn="ctr"/>
              <a:r>
                <a:rPr lang="en-US" sz="1600" dirty="0"/>
                <a:t>Time-series detection</a:t>
              </a:r>
            </a:p>
          </p:txBody>
        </p:sp>
      </p:grpSp>
      <p:pic>
        <p:nvPicPr>
          <p:cNvPr id="29" name="Picture 28">
            <a:extLst>
              <a:ext uri="{FF2B5EF4-FFF2-40B4-BE49-F238E27FC236}">
                <a16:creationId xmlns:a16="http://schemas.microsoft.com/office/drawing/2014/main" id="{C1AF8FBD-925E-0EC1-7761-EB4FD09CD6F0}"/>
              </a:ext>
            </a:extLst>
          </p:cNvPr>
          <p:cNvPicPr>
            <a:picLocks noChangeAspect="1"/>
          </p:cNvPicPr>
          <p:nvPr/>
        </p:nvPicPr>
        <p:blipFill>
          <a:blip r:embed="rId7"/>
          <a:stretch>
            <a:fillRect/>
          </a:stretch>
        </p:blipFill>
        <p:spPr>
          <a:xfrm>
            <a:off x="1953983" y="3080067"/>
            <a:ext cx="1126086" cy="1126086"/>
          </a:xfrm>
          <a:prstGeom prst="rect">
            <a:avLst/>
          </a:prstGeom>
        </p:spPr>
      </p:pic>
      <p:pic>
        <p:nvPicPr>
          <p:cNvPr id="33" name="Graphic 32" descr="Upward trend with solid fill">
            <a:extLst>
              <a:ext uri="{FF2B5EF4-FFF2-40B4-BE49-F238E27FC236}">
                <a16:creationId xmlns:a16="http://schemas.microsoft.com/office/drawing/2014/main" id="{B4468CAF-8120-EB25-FE6B-89BF06F64BB9}"/>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6069828" y="3080067"/>
            <a:ext cx="1123200" cy="1123200"/>
          </a:xfrm>
          <a:prstGeom prst="rect">
            <a:avLst/>
          </a:prstGeom>
        </p:spPr>
      </p:pic>
    </p:spTree>
    <p:custDataLst>
      <p:custData r:id="rId1"/>
      <p:custData r:id="rId2"/>
    </p:custDataLst>
    <p:extLst>
      <p:ext uri="{BB962C8B-B14F-4D97-AF65-F5344CB8AC3E}">
        <p14:creationId xmlns:p14="http://schemas.microsoft.com/office/powerpoint/2010/main" val="4192117130"/>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bg>
      <p:bgPr>
        <a:solidFill>
          <a:srgbClr val="00802F">
            <a:alpha val="69000"/>
          </a:srgb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E1BE45B-27F9-0D2E-2A9E-05DA21A9DE93}"/>
              </a:ext>
            </a:extLst>
          </p:cNvPr>
          <p:cNvSpPr>
            <a:spLocks noGrp="1"/>
          </p:cNvSpPr>
          <p:nvPr>
            <p:ph type="body" sz="quarter" idx="10"/>
          </p:nvPr>
        </p:nvSpPr>
        <p:spPr>
          <a:xfrm>
            <a:off x="828000" y="735012"/>
            <a:ext cx="7957225" cy="3189287"/>
          </a:xfrm>
        </p:spPr>
        <p:txBody>
          <a:bodyPr vert="horz" lIns="0" tIns="0" rIns="0" bIns="0" rtlCol="0" anchor="b">
            <a:normAutofit fontScale="62500" lnSpcReduction="20000"/>
          </a:bodyPr>
          <a:lstStyle/>
          <a:p>
            <a:pPr marR="0" lvl="0" algn="l" defTabSz="914400" rtl="0" eaLnBrk="1" fontAlgn="auto" latinLnBrk="0" hangingPunct="1">
              <a:lnSpc>
                <a:spcPct val="100000"/>
              </a:lnSpc>
              <a:spcBef>
                <a:spcPts val="0"/>
              </a:spcBef>
              <a:spcAft>
                <a:spcPts val="0"/>
              </a:spcAft>
              <a:buClrTx/>
              <a:buSzTx/>
              <a:tabLst/>
              <a:defRPr/>
            </a:pPr>
            <a:r>
              <a:rPr lang="en-GB" sz="5400" b="1" dirty="0"/>
              <a:t>RQ1: </a:t>
            </a:r>
            <a:r>
              <a:rPr lang="en-GB" sz="5400" dirty="0"/>
              <a:t>Which psycholinguistic characteristics are  predictors of users’ probability of sharing (un)trustworthy news sources?</a:t>
            </a:r>
            <a:br>
              <a:rPr lang="en-GB" sz="5400" dirty="0"/>
            </a:br>
            <a:endParaRPr lang="en-GB" sz="5400" dirty="0"/>
          </a:p>
          <a:p>
            <a:pPr marR="0" lvl="0" algn="l" defTabSz="914400" rtl="0" eaLnBrk="1" fontAlgn="auto" latinLnBrk="0" hangingPunct="1">
              <a:lnSpc>
                <a:spcPct val="100000"/>
              </a:lnSpc>
              <a:spcBef>
                <a:spcPts val="0"/>
              </a:spcBef>
              <a:spcAft>
                <a:spcPts val="0"/>
              </a:spcAft>
              <a:buClrTx/>
              <a:buSzTx/>
              <a:tabLst/>
              <a:defRPr/>
            </a:pPr>
            <a:r>
              <a:rPr lang="en-GB" b="1" dirty="0"/>
              <a:t>RQ2:</a:t>
            </a:r>
            <a:r>
              <a:rPr lang="en-GB" dirty="0"/>
              <a:t> How does variation of psycholinguistic characteristic predict future sharing behaviour of (un)trustworthy news sources?</a:t>
            </a:r>
          </a:p>
        </p:txBody>
      </p:sp>
    </p:spTree>
    <p:extLst>
      <p:ext uri="{BB962C8B-B14F-4D97-AF65-F5344CB8AC3E}">
        <p14:creationId xmlns:p14="http://schemas.microsoft.com/office/powerpoint/2010/main" val="182843069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EF9789A-4335-4577-AF25-1CB52F39AA43}"/>
              </a:ext>
            </a:extLst>
          </p:cNvPr>
          <p:cNvSpPr>
            <a:spLocks noGrp="1"/>
          </p:cNvSpPr>
          <p:nvPr>
            <p:ph type="title"/>
          </p:nvPr>
        </p:nvSpPr>
        <p:spPr>
          <a:xfrm>
            <a:off x="358775" y="376238"/>
            <a:ext cx="8426450" cy="609662"/>
          </a:xfrm>
        </p:spPr>
        <p:txBody>
          <a:bodyPr/>
          <a:lstStyle/>
          <a:p>
            <a:r>
              <a:rPr lang="en-GB" sz="2000" dirty="0"/>
              <a:t>Characterization and </a:t>
            </a:r>
            <a:r>
              <a:rPr lang="en-GB" sz="2000" b="1" dirty="0">
                <a:solidFill>
                  <a:srgbClr val="00802F"/>
                </a:solidFill>
              </a:rPr>
              <a:t>early</a:t>
            </a:r>
            <a:r>
              <a:rPr lang="en-GB" sz="2000" dirty="0"/>
              <a:t> prediction of misinformation sharers</a:t>
            </a:r>
            <a:endParaRPr lang="en-GB" dirty="0"/>
          </a:p>
        </p:txBody>
      </p:sp>
      <p:grpSp>
        <p:nvGrpSpPr>
          <p:cNvPr id="20" name="Group 19">
            <a:extLst>
              <a:ext uri="{FF2B5EF4-FFF2-40B4-BE49-F238E27FC236}">
                <a16:creationId xmlns:a16="http://schemas.microsoft.com/office/drawing/2014/main" id="{FF8C8FD0-C086-4CA5-E0AA-9C0AAACFDF5A}"/>
              </a:ext>
            </a:extLst>
          </p:cNvPr>
          <p:cNvGrpSpPr/>
          <p:nvPr/>
        </p:nvGrpSpPr>
        <p:grpSpPr>
          <a:xfrm>
            <a:off x="1238493" y="1986000"/>
            <a:ext cx="1435500" cy="720000"/>
            <a:chOff x="1142127" y="1978305"/>
            <a:chExt cx="1435500" cy="720000"/>
          </a:xfrm>
        </p:grpSpPr>
        <p:pic>
          <p:nvPicPr>
            <p:cNvPr id="6" name="Graphic 5">
              <a:extLst>
                <a:ext uri="{FF2B5EF4-FFF2-40B4-BE49-F238E27FC236}">
                  <a16:creationId xmlns:a16="http://schemas.microsoft.com/office/drawing/2014/main" id="{48B3CDB5-9DBC-EF11-AF68-A1CF0D50BF99}"/>
                </a:ext>
              </a:extLst>
            </p:cNvPr>
            <p:cNvPicPr>
              <a:picLocks noChangeAspect="1"/>
            </p:cNvPicPr>
            <p:nvPr/>
          </p:nvPicPr>
          <p:blipFill rotWithShape="1">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t="1" r="87466" b="-1"/>
            <a:stretch/>
          </p:blipFill>
          <p:spPr>
            <a:xfrm>
              <a:off x="2084208" y="2087237"/>
              <a:ext cx="493419" cy="599080"/>
            </a:xfrm>
            <a:prstGeom prst="rect">
              <a:avLst/>
            </a:prstGeom>
          </p:spPr>
        </p:pic>
        <p:pic>
          <p:nvPicPr>
            <p:cNvPr id="9" name="Graphic 8">
              <a:extLst>
                <a:ext uri="{FF2B5EF4-FFF2-40B4-BE49-F238E27FC236}">
                  <a16:creationId xmlns:a16="http://schemas.microsoft.com/office/drawing/2014/main" id="{659790C9-D93F-7D50-7E23-CA9563FDB679}"/>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1142127" y="1978305"/>
              <a:ext cx="859325" cy="720000"/>
            </a:xfrm>
            <a:prstGeom prst="rect">
              <a:avLst/>
            </a:prstGeom>
          </p:spPr>
        </p:pic>
      </p:grpSp>
      <p:sp>
        <p:nvSpPr>
          <p:cNvPr id="10" name="TextBox 9">
            <a:extLst>
              <a:ext uri="{FF2B5EF4-FFF2-40B4-BE49-F238E27FC236}">
                <a16:creationId xmlns:a16="http://schemas.microsoft.com/office/drawing/2014/main" id="{E99FA37E-9864-F9CD-CB08-5F78D5E86BB4}"/>
              </a:ext>
            </a:extLst>
          </p:cNvPr>
          <p:cNvSpPr txBox="1"/>
          <p:nvPr/>
        </p:nvSpPr>
        <p:spPr>
          <a:xfrm>
            <a:off x="1374706" y="2911748"/>
            <a:ext cx="1163075" cy="300082"/>
          </a:xfrm>
          <a:prstGeom prst="rect">
            <a:avLst/>
          </a:prstGeom>
          <a:noFill/>
        </p:spPr>
        <p:txBody>
          <a:bodyPr wrap="none" rtlCol="0">
            <a:spAutoFit/>
          </a:bodyPr>
          <a:lstStyle/>
          <a:p>
            <a:pPr algn="ctr"/>
            <a:r>
              <a:rPr lang="en-US" dirty="0"/>
              <a:t>Novel dataset</a:t>
            </a:r>
          </a:p>
        </p:txBody>
      </p:sp>
      <p:grpSp>
        <p:nvGrpSpPr>
          <p:cNvPr id="16" name="Group 15">
            <a:extLst>
              <a:ext uri="{FF2B5EF4-FFF2-40B4-BE49-F238E27FC236}">
                <a16:creationId xmlns:a16="http://schemas.microsoft.com/office/drawing/2014/main" id="{F19791A1-F215-3DC9-7ABA-4ACC9F71EDE9}"/>
              </a:ext>
            </a:extLst>
          </p:cNvPr>
          <p:cNvGrpSpPr/>
          <p:nvPr/>
        </p:nvGrpSpPr>
        <p:grpSpPr>
          <a:xfrm>
            <a:off x="3315513" y="1761130"/>
            <a:ext cx="2421690" cy="1450700"/>
            <a:chOff x="2722436" y="1092027"/>
            <a:chExt cx="2421690" cy="1450700"/>
          </a:xfrm>
        </p:grpSpPr>
        <p:grpSp>
          <p:nvGrpSpPr>
            <p:cNvPr id="12" name="Group 11">
              <a:extLst>
                <a:ext uri="{FF2B5EF4-FFF2-40B4-BE49-F238E27FC236}">
                  <a16:creationId xmlns:a16="http://schemas.microsoft.com/office/drawing/2014/main" id="{324D7DF0-AF9E-CCBF-01EC-25A2189074D7}"/>
                </a:ext>
              </a:extLst>
            </p:cNvPr>
            <p:cNvGrpSpPr>
              <a:grpSpLocks noChangeAspect="1"/>
            </p:cNvGrpSpPr>
            <p:nvPr/>
          </p:nvGrpSpPr>
          <p:grpSpPr>
            <a:xfrm>
              <a:off x="3294547" y="1092027"/>
              <a:ext cx="1277453" cy="1154350"/>
              <a:chOff x="1031734" y="1491463"/>
              <a:chExt cx="914400" cy="914400"/>
            </a:xfrm>
          </p:grpSpPr>
          <p:pic>
            <p:nvPicPr>
              <p:cNvPr id="13" name="Graphic 12" descr="Books outline">
                <a:extLst>
                  <a:ext uri="{FF2B5EF4-FFF2-40B4-BE49-F238E27FC236}">
                    <a16:creationId xmlns:a16="http://schemas.microsoft.com/office/drawing/2014/main" id="{08E4D507-0575-DA3A-CFEB-65A9F286436A}"/>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1031734" y="1491463"/>
                <a:ext cx="914400" cy="914400"/>
              </a:xfrm>
              <a:prstGeom prst="rect">
                <a:avLst/>
              </a:prstGeom>
            </p:spPr>
          </p:pic>
          <p:pic>
            <p:nvPicPr>
              <p:cNvPr id="14" name="Graphic 13" descr="Gears with solid fill">
                <a:extLst>
                  <a:ext uri="{FF2B5EF4-FFF2-40B4-BE49-F238E27FC236}">
                    <a16:creationId xmlns:a16="http://schemas.microsoft.com/office/drawing/2014/main" id="{FFD8734A-E852-1A63-9723-8686F21C6CCA}"/>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rot="1685665">
                <a:off x="1260334" y="1491463"/>
                <a:ext cx="457200" cy="457200"/>
              </a:xfrm>
              <a:prstGeom prst="rect">
                <a:avLst/>
              </a:prstGeom>
            </p:spPr>
          </p:pic>
        </p:grpSp>
        <p:sp>
          <p:nvSpPr>
            <p:cNvPr id="15" name="TextBox 14">
              <a:extLst>
                <a:ext uri="{FF2B5EF4-FFF2-40B4-BE49-F238E27FC236}">
                  <a16:creationId xmlns:a16="http://schemas.microsoft.com/office/drawing/2014/main" id="{DF82916F-16AF-59A4-ED02-83D637A53B4C}"/>
                </a:ext>
              </a:extLst>
            </p:cNvPr>
            <p:cNvSpPr txBox="1"/>
            <p:nvPr/>
          </p:nvSpPr>
          <p:spPr>
            <a:xfrm>
              <a:off x="2722436" y="2234950"/>
              <a:ext cx="2421690" cy="307777"/>
            </a:xfrm>
            <a:prstGeom prst="rect">
              <a:avLst/>
            </a:prstGeom>
            <a:noFill/>
          </p:spPr>
          <p:txBody>
            <a:bodyPr wrap="none" rtlCol="0">
              <a:spAutoFit/>
            </a:bodyPr>
            <a:lstStyle/>
            <a:p>
              <a:pPr algn="ctr"/>
              <a:r>
                <a:rPr lang="en-US" dirty="0"/>
                <a:t>Psycholinguist </a:t>
              </a:r>
              <a:r>
                <a:rPr lang="en-GB" sz="1400" dirty="0"/>
                <a:t>Characterization</a:t>
              </a:r>
              <a:endParaRPr lang="en-US" dirty="0"/>
            </a:p>
          </p:txBody>
        </p:sp>
      </p:grpSp>
      <p:pic>
        <p:nvPicPr>
          <p:cNvPr id="18" name="Picture 17">
            <a:extLst>
              <a:ext uri="{FF2B5EF4-FFF2-40B4-BE49-F238E27FC236}">
                <a16:creationId xmlns:a16="http://schemas.microsoft.com/office/drawing/2014/main" id="{A57973FE-6FBE-5138-C3D2-2F2AA5F03544}"/>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6721001" y="1807909"/>
            <a:ext cx="1157736" cy="1157736"/>
          </a:xfrm>
          <a:prstGeom prst="rect">
            <a:avLst/>
          </a:prstGeom>
        </p:spPr>
      </p:pic>
      <p:sp>
        <p:nvSpPr>
          <p:cNvPr id="19" name="TextBox 18">
            <a:extLst>
              <a:ext uri="{FF2B5EF4-FFF2-40B4-BE49-F238E27FC236}">
                <a16:creationId xmlns:a16="http://schemas.microsoft.com/office/drawing/2014/main" id="{A2E206A2-6F08-7190-3FF1-8AD56B493B48}"/>
              </a:ext>
            </a:extLst>
          </p:cNvPr>
          <p:cNvSpPr txBox="1"/>
          <p:nvPr/>
        </p:nvSpPr>
        <p:spPr>
          <a:xfrm>
            <a:off x="6378723" y="2913161"/>
            <a:ext cx="1842300" cy="300082"/>
          </a:xfrm>
          <a:prstGeom prst="rect">
            <a:avLst/>
          </a:prstGeom>
          <a:noFill/>
        </p:spPr>
        <p:txBody>
          <a:bodyPr wrap="none" rtlCol="0">
            <a:spAutoFit/>
          </a:bodyPr>
          <a:lstStyle/>
          <a:p>
            <a:pPr algn="ctr"/>
            <a:r>
              <a:rPr lang="en-GB" dirty="0"/>
              <a:t>Early warning detection</a:t>
            </a:r>
            <a:endParaRPr lang="en-US" dirty="0"/>
          </a:p>
        </p:txBody>
      </p:sp>
    </p:spTree>
    <p:custDataLst>
      <p:custData r:id="rId1"/>
      <p:custData r:id="rId2"/>
    </p:custDataLst>
    <p:extLst>
      <p:ext uri="{BB962C8B-B14F-4D97-AF65-F5344CB8AC3E}">
        <p14:creationId xmlns:p14="http://schemas.microsoft.com/office/powerpoint/2010/main" val="4059104003"/>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bg>
      <p:bgPr>
        <a:solidFill>
          <a:srgbClr val="00802F">
            <a:alpha val="69000"/>
          </a:srgb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E1BE45B-27F9-0D2E-2A9E-05DA21A9DE93}"/>
              </a:ext>
            </a:extLst>
          </p:cNvPr>
          <p:cNvSpPr>
            <a:spLocks noGrp="1"/>
          </p:cNvSpPr>
          <p:nvPr>
            <p:ph type="body" sz="quarter" idx="10"/>
          </p:nvPr>
        </p:nvSpPr>
        <p:spPr>
          <a:xfrm>
            <a:off x="828000" y="735013"/>
            <a:ext cx="7957225" cy="2525712"/>
          </a:xfrm>
        </p:spPr>
        <p:txBody>
          <a:bodyPr vert="horz" lIns="0" tIns="0" rIns="0" bIns="0" rtlCol="0" anchor="b">
            <a:normAutofit/>
          </a:bodyPr>
          <a:lstStyle/>
          <a:p>
            <a:pPr>
              <a:spcAft>
                <a:spcPts val="600"/>
              </a:spcAft>
            </a:pPr>
            <a:r>
              <a:rPr lang="en-GB" kern="1200" dirty="0">
                <a:latin typeface="Gill Sans Nova Light" panose="020B0302020104020203" pitchFamily="34" charset="0"/>
                <a:ea typeface="+mn-ea"/>
                <a:cs typeface="+mn-cs"/>
              </a:rPr>
              <a:t>Methodology</a:t>
            </a:r>
          </a:p>
        </p:txBody>
      </p:sp>
    </p:spTree>
    <p:extLst>
      <p:ext uri="{BB962C8B-B14F-4D97-AF65-F5344CB8AC3E}">
        <p14:creationId xmlns:p14="http://schemas.microsoft.com/office/powerpoint/2010/main" val="385559977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FE34C7F-346D-4632-A718-477C9B221782}"/>
              </a:ext>
            </a:extLst>
          </p:cNvPr>
          <p:cNvSpPr>
            <a:spLocks noGrp="1"/>
          </p:cNvSpPr>
          <p:nvPr>
            <p:ph type="title"/>
          </p:nvPr>
        </p:nvSpPr>
        <p:spPr/>
        <p:txBody>
          <a:bodyPr/>
          <a:lstStyle/>
          <a:p>
            <a:r>
              <a:rPr lang="en-GB" dirty="0"/>
              <a:t>Datasets</a:t>
            </a:r>
          </a:p>
        </p:txBody>
      </p:sp>
      <p:sp>
        <p:nvSpPr>
          <p:cNvPr id="4" name="Text Placeholder 2">
            <a:extLst>
              <a:ext uri="{FF2B5EF4-FFF2-40B4-BE49-F238E27FC236}">
                <a16:creationId xmlns:a16="http://schemas.microsoft.com/office/drawing/2014/main" id="{AAC7884E-DD26-9F35-03EF-123137A2940C}"/>
              </a:ext>
            </a:extLst>
          </p:cNvPr>
          <p:cNvSpPr txBox="1">
            <a:spLocks/>
          </p:cNvSpPr>
          <p:nvPr/>
        </p:nvSpPr>
        <p:spPr>
          <a:xfrm>
            <a:off x="358775" y="985900"/>
            <a:ext cx="7933578" cy="3203575"/>
          </a:xfrm>
          <a:prstGeom prst="rect">
            <a:avLst/>
          </a:prstGeom>
        </p:spPr>
        <p:txBody>
          <a:bodyPr vert="horz" lIns="0" tIns="0" rIns="0" bIns="0" rtlCol="0" anchor="t">
            <a:normAutofit/>
          </a:bodyPr>
          <a:lst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a:lstStyle>
          <a:p>
            <a:pPr marL="232410" lvl="1" indent="-285750">
              <a:lnSpc>
                <a:spcPct val="200000"/>
              </a:lnSpc>
              <a:buFont typeface="Arial" panose="020B0604020202020204" pitchFamily="34" charset="0"/>
              <a:buChar char="•"/>
            </a:pPr>
            <a:endParaRPr lang="en-US"/>
          </a:p>
        </p:txBody>
      </p:sp>
      <p:sp>
        <p:nvSpPr>
          <p:cNvPr id="8" name="TextBox 7">
            <a:extLst>
              <a:ext uri="{FF2B5EF4-FFF2-40B4-BE49-F238E27FC236}">
                <a16:creationId xmlns:a16="http://schemas.microsoft.com/office/drawing/2014/main" id="{6F342441-5B1B-F3EC-CF57-5651A294F97C}"/>
              </a:ext>
            </a:extLst>
          </p:cNvPr>
          <p:cNvSpPr txBox="1"/>
          <p:nvPr/>
        </p:nvSpPr>
        <p:spPr>
          <a:xfrm>
            <a:off x="1633376" y="4614471"/>
            <a:ext cx="6220402" cy="3693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900" i="1" dirty="0">
                <a:effectLst/>
              </a:rPr>
              <a:t>Baumgartner, J., </a:t>
            </a:r>
            <a:r>
              <a:rPr lang="en-GB" sz="900" i="1" dirty="0" err="1">
                <a:effectLst/>
              </a:rPr>
              <a:t>Zannettou</a:t>
            </a:r>
            <a:r>
              <a:rPr lang="en-GB" sz="900" i="1" dirty="0">
                <a:effectLst/>
              </a:rPr>
              <a:t>, S., Squire, M., &amp; Blackburn, J. (2020). The Pushshift Telegram Dataset. Proceedings of the International AAAI Conference on Web and Social Media, 14(1), 840–847.</a:t>
            </a:r>
          </a:p>
        </p:txBody>
      </p:sp>
      <p:grpSp>
        <p:nvGrpSpPr>
          <p:cNvPr id="3" name="Group 2">
            <a:extLst>
              <a:ext uri="{FF2B5EF4-FFF2-40B4-BE49-F238E27FC236}">
                <a16:creationId xmlns:a16="http://schemas.microsoft.com/office/drawing/2014/main" id="{2E5DD043-849E-7DC8-8E90-2DDC79F11D22}"/>
              </a:ext>
            </a:extLst>
          </p:cNvPr>
          <p:cNvGrpSpPr/>
          <p:nvPr/>
        </p:nvGrpSpPr>
        <p:grpSpPr>
          <a:xfrm>
            <a:off x="358775" y="804413"/>
            <a:ext cx="8426450" cy="1699660"/>
            <a:chOff x="358775" y="1772153"/>
            <a:chExt cx="8426450" cy="1699660"/>
          </a:xfrm>
        </p:grpSpPr>
        <p:sp>
          <p:nvSpPr>
            <p:cNvPr id="10" name="TextBox 9">
              <a:extLst>
                <a:ext uri="{FF2B5EF4-FFF2-40B4-BE49-F238E27FC236}">
                  <a16:creationId xmlns:a16="http://schemas.microsoft.com/office/drawing/2014/main" id="{A10E430C-7C04-2683-77A2-B349CE5CD891}"/>
                </a:ext>
              </a:extLst>
            </p:cNvPr>
            <p:cNvSpPr txBox="1"/>
            <p:nvPr/>
          </p:nvSpPr>
          <p:spPr>
            <a:xfrm>
              <a:off x="358775" y="1772153"/>
              <a:ext cx="4309167" cy="1615827"/>
            </a:xfrm>
            <a:prstGeom prst="rect">
              <a:avLst/>
            </a:prstGeom>
            <a:noFill/>
          </p:spPr>
          <p:txBody>
            <a:bodyPr wrap="square" rtlCol="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lang="en-GB" sz="1800" dirty="0"/>
                <a:t>Reddit Pushshift Dataset</a:t>
              </a:r>
            </a:p>
            <a:p>
              <a:pPr marL="0" marR="0" lvl="0" indent="0" algn="ctr" defTabSz="914400" rtl="0" eaLnBrk="1" fontAlgn="auto" latinLnBrk="0" hangingPunct="1">
                <a:lnSpc>
                  <a:spcPct val="100000"/>
                </a:lnSpc>
                <a:spcBef>
                  <a:spcPts val="0"/>
                </a:spcBef>
                <a:spcAft>
                  <a:spcPts val="0"/>
                </a:spcAft>
                <a:buClrTx/>
                <a:buSzTx/>
                <a:buFontTx/>
                <a:buNone/>
                <a:tabLst/>
                <a:defRPr/>
              </a:pPr>
              <a:endParaRPr lang="en-GB" sz="1800" dirty="0"/>
            </a:p>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800" dirty="0"/>
                <a:t>Timeline: 2014-2021</a:t>
              </a:r>
            </a:p>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800" dirty="0"/>
                <a:t>Submissions across all subreddits ~ 500GB</a:t>
              </a:r>
            </a:p>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800" dirty="0"/>
                <a:t>Comments across all submissions ~1.2 TB</a:t>
              </a:r>
            </a:p>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900" dirty="0">
                <a:effectLst/>
              </a:endParaRPr>
            </a:p>
          </p:txBody>
        </p:sp>
        <p:pic>
          <p:nvPicPr>
            <p:cNvPr id="13" name="Picture 12" descr="Chart, line chart&#10;&#10;Description automatically generated">
              <a:extLst>
                <a:ext uri="{FF2B5EF4-FFF2-40B4-BE49-F238E27FC236}">
                  <a16:creationId xmlns:a16="http://schemas.microsoft.com/office/drawing/2014/main" id="{FDF76322-0B32-26F4-70C1-EE8DB32DA3B1}"/>
                </a:ext>
              </a:extLst>
            </p:cNvPr>
            <p:cNvPicPr>
              <a:picLocks noChangeAspect="1"/>
            </p:cNvPicPr>
            <p:nvPr/>
          </p:nvPicPr>
          <p:blipFill rotWithShape="1">
            <a:blip r:embed="rId3">
              <a:extLst>
                <a:ext uri="{28A0092B-C50C-407E-A947-70E740481C1C}">
                  <a14:useLocalDpi xmlns:a14="http://schemas.microsoft.com/office/drawing/2010/main" val="0"/>
                </a:ext>
              </a:extLst>
            </a:blip>
            <a:srcRect l="5185"/>
            <a:stretch/>
          </p:blipFill>
          <p:spPr>
            <a:xfrm>
              <a:off x="4743577" y="1772153"/>
              <a:ext cx="4041648" cy="1699660"/>
            </a:xfrm>
            <a:prstGeom prst="rect">
              <a:avLst/>
            </a:prstGeom>
          </p:spPr>
        </p:pic>
      </p:grpSp>
      <p:grpSp>
        <p:nvGrpSpPr>
          <p:cNvPr id="6" name="Group 5">
            <a:extLst>
              <a:ext uri="{FF2B5EF4-FFF2-40B4-BE49-F238E27FC236}">
                <a16:creationId xmlns:a16="http://schemas.microsoft.com/office/drawing/2014/main" id="{F3530045-A2AD-6B6F-BBD6-0E08BD452E2C}"/>
              </a:ext>
            </a:extLst>
          </p:cNvPr>
          <p:cNvGrpSpPr>
            <a:grpSpLocks noChangeAspect="1"/>
          </p:cNvGrpSpPr>
          <p:nvPr/>
        </p:nvGrpSpPr>
        <p:grpSpPr>
          <a:xfrm>
            <a:off x="5922392" y="2648440"/>
            <a:ext cx="1684017" cy="1690647"/>
            <a:chOff x="1553589" y="1694425"/>
            <a:chExt cx="2144312" cy="2152754"/>
          </a:xfrm>
        </p:grpSpPr>
        <p:sp>
          <p:nvSpPr>
            <p:cNvPr id="9" name="Oval 8">
              <a:extLst>
                <a:ext uri="{FF2B5EF4-FFF2-40B4-BE49-F238E27FC236}">
                  <a16:creationId xmlns:a16="http://schemas.microsoft.com/office/drawing/2014/main" id="{20BE63A5-78F0-2BE0-D4EB-8C5D8334C420}"/>
                </a:ext>
              </a:extLst>
            </p:cNvPr>
            <p:cNvSpPr>
              <a:spLocks noChangeAspect="1"/>
            </p:cNvSpPr>
            <p:nvPr/>
          </p:nvSpPr>
          <p:spPr>
            <a:xfrm>
              <a:off x="1553589" y="1694425"/>
              <a:ext cx="2144312" cy="2152754"/>
            </a:xfrm>
            <a:prstGeom prst="ellipse">
              <a:avLst/>
            </a:prstGeom>
            <a:solidFill>
              <a:schemeClr val="accent1">
                <a:alpha val="25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11" name="Graphic 10">
              <a:extLst>
                <a:ext uri="{FF2B5EF4-FFF2-40B4-BE49-F238E27FC236}">
                  <a16:creationId xmlns:a16="http://schemas.microsoft.com/office/drawing/2014/main" id="{F1AB256C-5D52-5460-C351-C5CC2E59465F}"/>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682626" y="2626228"/>
              <a:ext cx="1886237" cy="287036"/>
            </a:xfrm>
            <a:prstGeom prst="rect">
              <a:avLst/>
            </a:prstGeom>
          </p:spPr>
        </p:pic>
      </p:grpSp>
      <p:sp>
        <p:nvSpPr>
          <p:cNvPr id="7" name="Title 1">
            <a:extLst>
              <a:ext uri="{FF2B5EF4-FFF2-40B4-BE49-F238E27FC236}">
                <a16:creationId xmlns:a16="http://schemas.microsoft.com/office/drawing/2014/main" id="{7E252F7D-0CE7-DA14-A8A0-A09F82DDFBB5}"/>
              </a:ext>
            </a:extLst>
          </p:cNvPr>
          <p:cNvSpPr txBox="1">
            <a:spLocks/>
          </p:cNvSpPr>
          <p:nvPr/>
        </p:nvSpPr>
        <p:spPr>
          <a:xfrm>
            <a:off x="358775" y="3412674"/>
            <a:ext cx="8426450" cy="609662"/>
          </a:xfrm>
          <a:prstGeom prst="rect">
            <a:avLst/>
          </a:prstGeom>
        </p:spPr>
        <p:txBody>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r>
              <a:rPr lang="en-GB" sz="1800" dirty="0">
                <a:latin typeface="+mn-lt"/>
                <a:ea typeface="+mn-ea"/>
                <a:cs typeface="+mn-cs"/>
              </a:rPr>
              <a:t>Labelling untrustworthy sources</a:t>
            </a:r>
          </a:p>
        </p:txBody>
      </p:sp>
    </p:spTree>
    <p:extLst>
      <p:ext uri="{BB962C8B-B14F-4D97-AF65-F5344CB8AC3E}">
        <p14:creationId xmlns:p14="http://schemas.microsoft.com/office/powerpoint/2010/main" val="2235371125"/>
      </p:ext>
    </p:extLst>
  </p:cSld>
  <p:clrMapOvr>
    <a:masterClrMapping/>
  </p:clrMapOvr>
</p:sld>
</file>

<file path=ppt/theme/theme1.xml><?xml version="1.0" encoding="utf-8"?>
<a:theme xmlns:a="http://schemas.openxmlformats.org/drawingml/2006/main" name="UNISG PP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 stgallen Fonts">
      <a:majorFont>
        <a:latin typeface="Gill Sans Nova"/>
        <a:ea typeface=""/>
        <a:cs typeface=""/>
      </a:majorFont>
      <a:minorFont>
        <a:latin typeface="Gill Sans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uni_stgallen_master_01.potx" id="{30835CC8-2B5A-4E70-B341-DDAB901ED00B}" vid="{29D780FA-9373-4C8E-8A10-29358CDEA5B8}"/>
    </a:ext>
  </a:extLst>
</a:theme>
</file>

<file path=ppt/theme/theme2.xml><?xml version="1.0" encoding="utf-8"?>
<a:theme xmlns:a="http://schemas.openxmlformats.org/drawingml/2006/main" name="1_UNISG PP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 stgallen Fonts">
      <a:majorFont>
        <a:latin typeface="Gill Sans Nova"/>
        <a:ea typeface=""/>
        <a:cs typeface=""/>
      </a:majorFont>
      <a:minorFont>
        <a:latin typeface="Gill Sans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uni_stgallen_master_01.potx" id="{30835CC8-2B5A-4E70-B341-DDAB901ED00B}" vid="{29D780FA-9373-4C8E-8A10-29358CDEA5B8}"/>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10.xml><?xml version="1.0" encoding="utf-8"?>
<ct:contentTypeSchema xmlns:ct="http://schemas.microsoft.com/office/2006/metadata/contentType" xmlns:ma="http://schemas.microsoft.com/office/2006/metadata/properties/metaAttributes" ct:_="" ma:_="" ma:contentTypeName="Dokument" ma:contentTypeID="0x01010034C2EED3AEDAB24AB48AF05A7A255DF4" ma:contentTypeVersion="13" ma:contentTypeDescription="Ein neues Dokument erstellen." ma:contentTypeScope="" ma:versionID="a6aaadb894dac19c584affee4fc993d6">
  <xsd:schema xmlns:xsd="http://www.w3.org/2001/XMLSchema" xmlns:xs="http://www.w3.org/2001/XMLSchema" xmlns:p="http://schemas.microsoft.com/office/2006/metadata/properties" xmlns:ns2="07c8a24f-8b40-44ca-950f-ae5db2c4fa23" xmlns:ns3="71d337dc-809a-4269-a690-d6cd31b4acd0" targetNamespace="http://schemas.microsoft.com/office/2006/metadata/properties" ma:root="true" ma:fieldsID="7db4ada0fc4504d1e5da7df171168cfe" ns2:_="" ns3:_="">
    <xsd:import namespace="07c8a24f-8b40-44ca-950f-ae5db2c4fa23"/>
    <xsd:import namespace="71d337dc-809a-4269-a690-d6cd31b4acd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7c8a24f-8b40-44ca-950f-ae5db2c4fa2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1" nillable="true" ma:displayName="MediaServiceOCR"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71d337dc-809a-4269-a690-d6cd31b4acd0" elementFormDefault="qualified">
    <xsd:import namespace="http://schemas.microsoft.com/office/2006/documentManagement/types"/>
    <xsd:import namespace="http://schemas.microsoft.com/office/infopath/2007/PartnerControls"/>
    <xsd:element name="SharedWithUsers" ma:index="14"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Freigegeben für -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type":"shape","elementConfiguration":{"width":"{{UserProfile.Department.REFDepartmentLogo.WidthPNGPPT}}","height":"{{UserProfile.Department.REFDepartmentLogo.HeightPNGPPT}}","image":"{{UserProfile.Department.REFDepartmentLogo.ImagePNG}}","disableUpdates":false,"type":"image"}}],"slideId":"637750113834106457","enableDocumentContentUpdater":true,"version":"2.0"}]]></TemplafySlideTemplateConfiguration>
</file>

<file path=customXml/item16.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19.xml><?xml version="1.0" encoding="utf-8"?>
<TemplafySlideFormConfiguration><![CDATA[{"formFields":[],"formDataEntries":[]}]]></TemplafySlide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20.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3.xml><?xml version="1.0" encoding="utf-8"?>
<TemplafySlideFormConfiguration><![CDATA[{"formFields":[],"formDataEntries":[]}]]></TemplafySlideFormConfiguration>
</file>

<file path=customXml/item30.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33.xml><?xml version="1.0" encoding="utf-8"?>
<TemplafySlideFormConfiguration><![CDATA[{"formFields":[],"formDataEntries":[]}]]></TemplafySlideForm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type":"shape","elementConfiguration":{"width":"{{UserProfile.Department.REFDepartmentLogo.WidthPNGPPT}}","height":"{{UserProfile.Department.REFDepartmentLogo.HeightPNGPPT}}","image":"{{UserProfile.Department.REFDepartmentLogo.ImagePNG}}","disableUpdates":false,"type":"image"}}],"slideId":"637750113834106457","enableDocumentContentUpdater":true,"version":"2.0"}]]></TemplafySlideTemplateConfiguration>
</file>

<file path=customXml/item36.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37.xml><?xml version="1.0" encoding="utf-8"?>
<TemplafySlideFormConfiguration><![CDATA[{"formFields":[],"formDataEntries":[]}]]></TemplafySlideFormConfiguration>
</file>

<file path=customXml/item4.xml><?xml version="1.0" encoding="utf-8"?>
<TemplafyFormConfiguration><![CDATA[{"formFields":[{"required":true,"shareValue":false,"type":"datePicker","name":"Date","label":"Datum"},{"required":false,"placeholder":"","lines":1,"shareValue":false,"type":"textBox","name":"Footer","label":"Fusszeile"},{"defaultValue":{"fixedValue":true},"shareValue":false,"type":"checkBox","name":"FooterLogo","label":"mit Logo in der Fusszeile"}],"formDataEntries":[{"name":"Date","value":"D/5egXX1iQNfujkO4OBd8Q=="},{"name":"FooterLogo","value":"iTzqZGj1P6MRGUQq8ahlhA=="}]}]]></TemplafyFormConfiguration>
</file>

<file path=customXml/item5.xml><?xml version="1.0" encoding="utf-8"?>
<TemplafySlideTemplateConfiguration><![CDATA[{"slideVersion":1,"isValidatorEnabled":false,"isLocked":false,"elementsMetadata":[{"type":"shape","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slideId":"637750113834135648","enableDocumentContentUpdater":true,"version":"2.0"}]]></TemplafySlide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SlideFormConfiguration><![CDATA[{"formFields":[],"formDataEntries":[]}]]></TemplafySlideFormConfiguration>
</file>

<file path=customXml/item8.xml><?xml version="1.0" encoding="utf-8"?>
<TemplafyTemplateConfiguration><![CDATA[{"elementsMetadata":[{"type":"shape","id":"a10bb0b2-77d3-4cbe-b180-ad48ef28547a","elementConfiguration":{"binding":"{{FormatDateTime(Form.Date,Translate(\"DateFormat\"),DocumentLanguage)}}","disableUpdates":false,"type":"text"}},{"type":"shape","id":"1810d80c-a5f9-4e21-bdba-7d32a3ac01dc","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f1635ba6-4b29-4446-b684-6eeb5ccdbe68","elementConfiguration":{"binding":"{{Form.Footer}}","disableUpdates":false,"type":"text"}},{"type":"shape","id":"e4cdab3d-3ac4-4a9d-8c67-2efe64bd84cf","elementConfiguration":{"binding":"{{UserProfile.Department.DepartmentName}}","visibility":"{{IfElse(Form.FooterLogo, VisibilityType.Hidden,VisibilityType.Visible)}}","disableUpdates":false,"type":"text"}},{"type":"shape","id":"e5c07527-5012-4347-aa42-ad1286b58097","elementConfiguration":{"width":"{{UserProfile.Department.REFDepartmentLogo.WidthPNGPPT}}","height":"{{UserProfile.Department.REFDepartmentLogo.HeightPNGPPT}}","image":"{{UserProfile.Department.REFDepartmentLogo.ImagePNG}}","disableUpdates":false,"type":"image"}},{"type":"shape","id":"5990cd36-f350-48a5-9ae7-be2c0582dbb7","elementConfiguration":{"binding":"{{UserProfile.Department.DepartmentName}} \n{{UserProfile.Department.DepartmentStreet}} {{UserProfile.Department.DepartmentStreetNumber}} \n{{UserProfile.Department.DepartmentPOBox}} {{UserProfile.Department.DepartmentCity}} \n{{UserProfile.Department.DepartmentCountry}} \n{{UserProfile.Department.DepartmentWebsite}}","disableUpdates":false,"type":"text"}},{"type":"shape","id":"3212cf5d-c785-4ab5-bfb7-730fc28b88ca","elementConfiguration":{"width":"{{UserProfile.Department.REFDepartmentLogo.WidthPNGPPT}}","height":"{{UserProfile.Department.REFDepartmentLogo.HeightPNGPPT}}","image":"{{UserProfile.Department.REFDepartmentLogo.ImagePNG}}","disableUpdates":false,"type":"image"}},{"type":"shape","id":"a7b8e9b4-e422-4a65-8d80-5037b35aacb0","elementConfiguration":{"binding":"{{FormatDateTime(Form.Date,Translate(\"DateFormat\"),DocumentLanguage)}}","disableUpdates":false,"type":"text"}},{"type":"shape","id":"dc5e61e4-75b8-450f-99af-bcf109e96cb4","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35f76817-686e-422f-8660-b24fe2ad9a8a","elementConfiguration":{"binding":"{{Form.Footer}}","disableUpdates":false,"type":"text"}},{"type":"shape","id":"de04ac77-98be-4442-8c49-daf9b0183699","elementConfiguration":{"binding":"{{UserProfile.Department.DepartmentName}}","visibility":"{{IfElse(Form.FooterLogo, VisibilityType.Hidden,VisibilityType.Visible)}}","disableUpdates":false,"type":"text"}},{"type":"shape","id":"b723eef2-edb4-47db-aefd-d4688e5cff58","elementConfiguration":{"width":"{{UserProfile.Department.REFDepartmentLogo.WidthPNGPPT}}","height":"{{UserProfile.Department.REFDepartmentLogo.HeightPNGPPT}}","image":"{{UserProfile.Department.REFDepartmentLogo.ImagePNG}}","disableUpdates":false,"type":"image"}},{"type":"shape","id":"cc1d63cd-7d22-437d-b7a6-bd5748f28858","elementConfiguration":{"binding":"{{FormatDateTime(Form.Date,Translate(\"DateFormat\"),DocumentLanguage)}}","disableUpdates":false,"type":"text"}},{"type":"shape","id":"430f46c0-09a6-4648-91d2-1b561b9a6281","elementConfiguration":{"width":"{{UserProfile.Department.REFDepartmentLogo.WidthPNGPPT}}","height":"{{UserProfile.Department.REFDepartmentLogo.HeightPNGPPT}}","image":"{{UserProfile.Department.REFDepartmentLogo.ImagePNG}}","disableUpdates":false,"type":"image"}},{"type":"shape","id":"5f06bebe-6f76-482d-9138-232405611ce9","elementConfiguration":{"binding":"{{FormatDateTime(Form.Date,Translate(\"DateFormat\"),DocumentLanguage)}}","disableUpdates":false,"type":"text"}},{"type":"shape","id":"eb10fd8d-1b37-464d-a850-a9ef918065b8","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fbefdf9e-6dfa-4646-91e4-2485afa402b5","elementConfiguration":{"binding":"{{Form.Footer}}","disableUpdates":false,"type":"text"}},{"type":"shape","id":"9fd1cf17-ad44-4fd9-9b9a-ffb5d7f0292d","elementConfiguration":{"binding":"{{UserProfile.Department.DepartmentName}}","visibility":"{{IfElse(Form.FooterLogo, VisibilityType.Hidden,VisibilityType.Visible)}}","disableUpdates":false,"type":"text"}},{"type":"shape","id":"c6ff5628-8e1e-4998-b507-d9e704af9160","elementConfiguration":{"binding":"{{FormatDateTime(Form.Date,Translate(\"DateFormat\"),DocumentLanguage)}}","disableUpdates":false,"type":"text"}},{"type":"shape","id":"c4453a4c-9c9d-4490-9979-e9eec637c4f0","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b7f9c443-baa2-4b47-897c-aa16e9b9bdc4","elementConfiguration":{"binding":"{{Form.Footer}}","disableUpdates":false,"type":"text"}},{"type":"shape","id":"0dacea46-d5e2-49ba-9a08-e10a7bb2ac19","elementConfiguration":{"binding":"{{UserProfile.Department.DepartmentName}}","visibility":"{{IfElse(Form.FooterLogo, VisibilityType.Hidden,VisibilityType.Visible)}}","disableUpdates":false,"type":"text"}},{"type":"shape","id":"04c719ef-297b-40a2-aeef-dc2089047bb4","elementConfiguration":{"binding":"{{FormatDateTime(Form.Date,Translate(\"DateFormat\"),DocumentLanguage)}}","disableUpdates":false,"type":"text"}},{"type":"shape","id":"7239227a-b6d1-4759-9fc4-0a2f82b67ab9","elementConfiguration":{"binding":"{{FormatDateTime(Form.Date,Translate(\"DateFormat\"),DocumentLanguage)}}","disableUpdates":false,"type":"text"}},{"type":"shape","id":"22a155cf-0107-461a-b6d9-a325ddb1d34f","elementConfiguration":{"binding":"{{Form.Footer}}","disableUpdates":false,"type":"text"}},{"type":"shape","id":"74602429-32bc-4b8b-8611-28cc7dae0dbc","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899bdbb5-22e6-4624-acb1-3b73ce0cc67f","elementConfiguration":{"binding":"{{UserProfile.Department.DepartmentName}}","visibility":"{{IfElse(Form.FooterLogo, VisibilityType.Hidden,VisibilityType.Visible)}}","disableUpdates":false,"type":"text"}},{"type":"shape","id":"fc25367d-f454-4006-b8d5-d70e039ce4e5","elementConfiguration":{"binding":"{{FormatDateTime(Form.Date,Translate(\"DateFormat\"),DocumentLanguage)}}","disableUpdates":false,"type":"text"}},{"type":"shape","id":"31f81436-1e4b-4d69-9739-c8b2a4a61305","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07de2ca4-d628-4b9a-bb18-87b113737844","elementConfiguration":{"binding":"{{Form.Footer}}","disableUpdates":false,"type":"text"}},{"type":"shape","id":"aa854026-94f4-4d59-93fb-3965330a7122","elementConfiguration":{"binding":"{{UserProfile.Department.DepartmentName}}","visibility":"{{IfElse(Form.FooterLogo, VisibilityType.Hidden,VisibilityType.Visible)}}","disableUpdates":false,"type":"text"}}],"transformationConfigurations":[{"language":"{{UserProfile.DocumentLanguage.Language}}","disableUpdates":false,"type":"proofingLanguage"},{"propertyName":"creator","propertyValue":"{{UserProfile.FirstName}} {{UserProfile.LastName}}","disableUpdates":false,"type":"documentProperty"}],"templateName":"UNISG Präsentation","templateDescription":"","enableDocumentContentUpdater":true,"version":"2.0"}]]></TemplafyTemplateConfiguration>
</file>

<file path=customXml/item9.xml><?xml version="1.0" encoding="utf-8"?>
<TemplafySlideTemplateConfiguration><![CDATA[{"slideVersion":1,"isValidatorEnabled":false,"isLocked":false,"elementsMetadata":[{"elementConfiguration":{"binding":"{{FormatDateTime(Form.Date,Translate(\"DateFormat\"),DocumentLanguage)}}","disableUpdates":false,"type":"text"},"type":"shape"},{"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elementConfiguration":{"binding":"{{Form.Footer}}","disableUpdates":false,"type":"text"},"type":"shape"},{"elementConfiguration":{"binding":"{{UserProfile.Department.DepartmentName}}","visibility":"{{IfElse(Form.FooterLogo, VisibilityType.Hidden,VisibilityType.Visible)}}","disableUpdates":false,"type":"text"},"type":"shape"}],"slideId":"637750113834195832","enableDocumentContentUpdater":true,"version":"2.0"}]]></TemplafySlideTemplateConfiguration>
</file>

<file path=customXml/itemProps1.xml><?xml version="1.0" encoding="utf-8"?>
<ds:datastoreItem xmlns:ds="http://schemas.openxmlformats.org/officeDocument/2006/customXml" ds:itemID="{C5E1EE36-3381-7649-BA48-290E2DA50285}">
  <ds:schemaRefs/>
</ds:datastoreItem>
</file>

<file path=customXml/itemProps10.xml><?xml version="1.0" encoding="utf-8"?>
<ds:datastoreItem xmlns:ds="http://schemas.openxmlformats.org/officeDocument/2006/customXml" ds:itemID="{97E15B18-A30F-4D71-A1B5-E70B04E7AA69}">
  <ds:schemaRefs>
    <ds:schemaRef ds:uri="07c8a24f-8b40-44ca-950f-ae5db2c4fa23"/>
    <ds:schemaRef ds:uri="71d337dc-809a-4269-a690-d6cd31b4acd0"/>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11.xml><?xml version="1.0" encoding="utf-8"?>
<ds:datastoreItem xmlns:ds="http://schemas.openxmlformats.org/officeDocument/2006/customXml" ds:itemID="{A253D154-8D81-472E-9E5B-B298AC284EE9}">
  <ds:schemaRefs/>
</ds:datastoreItem>
</file>

<file path=customXml/itemProps12.xml><?xml version="1.0" encoding="utf-8"?>
<ds:datastoreItem xmlns:ds="http://schemas.openxmlformats.org/officeDocument/2006/customXml" ds:itemID="{6BCE3260-44A4-2D41-95D5-B254A73C5B79}">
  <ds:schemaRefs/>
</ds:datastoreItem>
</file>

<file path=customXml/itemProps13.xml><?xml version="1.0" encoding="utf-8"?>
<ds:datastoreItem xmlns:ds="http://schemas.openxmlformats.org/officeDocument/2006/customXml" ds:itemID="{2F74BE81-6B89-AD45-99A5-C439D405110E}">
  <ds:schemaRefs/>
</ds:datastoreItem>
</file>

<file path=customXml/itemProps14.xml><?xml version="1.0" encoding="utf-8"?>
<ds:datastoreItem xmlns:ds="http://schemas.openxmlformats.org/officeDocument/2006/customXml" ds:itemID="{A1DE4887-2FA9-49BA-B8BF-E79FB8D56958}">
  <ds:schemaRefs/>
</ds:datastoreItem>
</file>

<file path=customXml/itemProps15.xml><?xml version="1.0" encoding="utf-8"?>
<ds:datastoreItem xmlns:ds="http://schemas.openxmlformats.org/officeDocument/2006/customXml" ds:itemID="{45B06F8E-AA4D-4F38-9B8B-099300ECC694}">
  <ds:schemaRefs/>
</ds:datastoreItem>
</file>

<file path=customXml/itemProps16.xml><?xml version="1.0" encoding="utf-8"?>
<ds:datastoreItem xmlns:ds="http://schemas.openxmlformats.org/officeDocument/2006/customXml" ds:itemID="{5025E232-8464-9040-9CCA-7E16960D0163}">
  <ds:schemaRefs/>
</ds:datastoreItem>
</file>

<file path=customXml/itemProps17.xml><?xml version="1.0" encoding="utf-8"?>
<ds:datastoreItem xmlns:ds="http://schemas.openxmlformats.org/officeDocument/2006/customXml" ds:itemID="{E85A5901-F19D-0D4F-BBA6-E1689FAD5978}">
  <ds:schemaRefs/>
</ds:datastoreItem>
</file>

<file path=customXml/itemProps18.xml><?xml version="1.0" encoding="utf-8"?>
<ds:datastoreItem xmlns:ds="http://schemas.openxmlformats.org/officeDocument/2006/customXml" ds:itemID="{0AC54C4B-CADD-604B-94AD-7B14A29FD065}">
  <ds:schemaRefs/>
</ds:datastoreItem>
</file>

<file path=customXml/itemProps19.xml><?xml version="1.0" encoding="utf-8"?>
<ds:datastoreItem xmlns:ds="http://schemas.openxmlformats.org/officeDocument/2006/customXml" ds:itemID="{0F1FA705-B12A-7647-A861-E9F075E1AAF2}">
  <ds:schemaRefs/>
</ds:datastoreItem>
</file>

<file path=customXml/itemProps2.xml><?xml version="1.0" encoding="utf-8"?>
<ds:datastoreItem xmlns:ds="http://schemas.openxmlformats.org/officeDocument/2006/customXml" ds:itemID="{6567BD5C-CC0C-4648-BED2-6CE28F06E5A9}">
  <ds:schemaRefs>
    <ds:schemaRef ds:uri="07c8a24f-8b40-44ca-950f-ae5db2c4fa23"/>
    <ds:schemaRef ds:uri="http://purl.org/dc/elements/1.1/"/>
    <ds:schemaRef ds:uri="71d337dc-809a-4269-a690-d6cd31b4acd0"/>
    <ds:schemaRef ds:uri="http://schemas.microsoft.com/office/2006/metadata/properties"/>
    <ds:schemaRef ds:uri="http://schemas.openxmlformats.org/package/2006/metadata/core-properties"/>
    <ds:schemaRef ds:uri="http://schemas.microsoft.com/office/2006/documentManagement/types"/>
    <ds:schemaRef ds:uri="http://www.w3.org/XML/1998/namespace"/>
    <ds:schemaRef ds:uri="http://purl.org/dc/terms/"/>
    <ds:schemaRef ds:uri="http://schemas.microsoft.com/office/infopath/2007/PartnerControls"/>
    <ds:schemaRef ds:uri="http://purl.org/dc/dcmitype/"/>
  </ds:schemaRefs>
</ds:datastoreItem>
</file>

<file path=customXml/itemProps20.xml><?xml version="1.0" encoding="utf-8"?>
<ds:datastoreItem xmlns:ds="http://schemas.openxmlformats.org/officeDocument/2006/customXml" ds:itemID="{C79C28CD-09E7-7547-BEC4-6542A4269F97}">
  <ds:schemaRefs/>
</ds:datastoreItem>
</file>

<file path=customXml/itemProps21.xml><?xml version="1.0" encoding="utf-8"?>
<ds:datastoreItem xmlns:ds="http://schemas.openxmlformats.org/officeDocument/2006/customXml" ds:itemID="{5FA6D440-9A97-744F-BC9F-F45BE94CB024}">
  <ds:schemaRefs/>
</ds:datastoreItem>
</file>

<file path=customXml/itemProps22.xml><?xml version="1.0" encoding="utf-8"?>
<ds:datastoreItem xmlns:ds="http://schemas.openxmlformats.org/officeDocument/2006/customXml" ds:itemID="{80730E47-716B-2E46-98BD-9771DADC052E}">
  <ds:schemaRefs/>
</ds:datastoreItem>
</file>

<file path=customXml/itemProps23.xml><?xml version="1.0" encoding="utf-8"?>
<ds:datastoreItem xmlns:ds="http://schemas.openxmlformats.org/officeDocument/2006/customXml" ds:itemID="{7073755F-A6E2-944B-9815-8DE2E2E1E756}">
  <ds:schemaRefs/>
</ds:datastoreItem>
</file>

<file path=customXml/itemProps24.xml><?xml version="1.0" encoding="utf-8"?>
<ds:datastoreItem xmlns:ds="http://schemas.openxmlformats.org/officeDocument/2006/customXml" ds:itemID="{4A6DCD8D-F757-0742-BBCA-538C42D5AB0D}">
  <ds:schemaRefs/>
</ds:datastoreItem>
</file>

<file path=customXml/itemProps25.xml><?xml version="1.0" encoding="utf-8"?>
<ds:datastoreItem xmlns:ds="http://schemas.openxmlformats.org/officeDocument/2006/customXml" ds:itemID="{1BB389C3-9220-ED46-827F-6B15651FA011}">
  <ds:schemaRefs/>
</ds:datastoreItem>
</file>

<file path=customXml/itemProps26.xml><?xml version="1.0" encoding="utf-8"?>
<ds:datastoreItem xmlns:ds="http://schemas.openxmlformats.org/officeDocument/2006/customXml" ds:itemID="{46BD100C-9EA1-C647-8922-E013830D85FD}">
  <ds:schemaRefs/>
</ds:datastoreItem>
</file>

<file path=customXml/itemProps27.xml><?xml version="1.0" encoding="utf-8"?>
<ds:datastoreItem xmlns:ds="http://schemas.openxmlformats.org/officeDocument/2006/customXml" ds:itemID="{A062B746-F448-9A4C-B222-D12221FF0AA2}">
  <ds:schemaRefs/>
</ds:datastoreItem>
</file>

<file path=customXml/itemProps28.xml><?xml version="1.0" encoding="utf-8"?>
<ds:datastoreItem xmlns:ds="http://schemas.openxmlformats.org/officeDocument/2006/customXml" ds:itemID="{E35447C5-BA8C-BB43-8788-0925B43D47BB}">
  <ds:schemaRefs/>
</ds:datastoreItem>
</file>

<file path=customXml/itemProps29.xml><?xml version="1.0" encoding="utf-8"?>
<ds:datastoreItem xmlns:ds="http://schemas.openxmlformats.org/officeDocument/2006/customXml" ds:itemID="{BA1ACCEA-554A-A84F-B2CD-3D56CA3C3005}">
  <ds:schemaRefs/>
</ds:datastoreItem>
</file>

<file path=customXml/itemProps3.xml><?xml version="1.0" encoding="utf-8"?>
<ds:datastoreItem xmlns:ds="http://schemas.openxmlformats.org/officeDocument/2006/customXml" ds:itemID="{06BE8C48-A04B-FD47-A7F4-E00D0D1C0D2D}">
  <ds:schemaRefs/>
</ds:datastoreItem>
</file>

<file path=customXml/itemProps30.xml><?xml version="1.0" encoding="utf-8"?>
<ds:datastoreItem xmlns:ds="http://schemas.openxmlformats.org/officeDocument/2006/customXml" ds:itemID="{EBD2767F-8D39-CF42-93B4-BE93496DD3ED}">
  <ds:schemaRefs/>
</ds:datastoreItem>
</file>

<file path=customXml/itemProps31.xml><?xml version="1.0" encoding="utf-8"?>
<ds:datastoreItem xmlns:ds="http://schemas.openxmlformats.org/officeDocument/2006/customXml" ds:itemID="{C950BC85-FEA1-694D-BD32-EA9611AF97EB}">
  <ds:schemaRefs/>
</ds:datastoreItem>
</file>

<file path=customXml/itemProps32.xml><?xml version="1.0" encoding="utf-8"?>
<ds:datastoreItem xmlns:ds="http://schemas.openxmlformats.org/officeDocument/2006/customXml" ds:itemID="{58AD8218-5459-B443-A801-5F34FC4D4C05}">
  <ds:schemaRefs/>
</ds:datastoreItem>
</file>

<file path=customXml/itemProps33.xml><?xml version="1.0" encoding="utf-8"?>
<ds:datastoreItem xmlns:ds="http://schemas.openxmlformats.org/officeDocument/2006/customXml" ds:itemID="{36677CAA-70E2-3544-BC3D-CF4DEFBA7065}">
  <ds:schemaRefs/>
</ds:datastoreItem>
</file>

<file path=customXml/itemProps34.xml><?xml version="1.0" encoding="utf-8"?>
<ds:datastoreItem xmlns:ds="http://schemas.openxmlformats.org/officeDocument/2006/customXml" ds:itemID="{A31778C0-2B5A-3245-9484-ADA9F30CF355}">
  <ds:schemaRefs/>
</ds:datastoreItem>
</file>

<file path=customXml/itemProps35.xml><?xml version="1.0" encoding="utf-8"?>
<ds:datastoreItem xmlns:ds="http://schemas.openxmlformats.org/officeDocument/2006/customXml" ds:itemID="{FED041FE-6C7B-654E-90DA-E8865080AD2C}">
  <ds:schemaRefs/>
</ds:datastoreItem>
</file>

<file path=customXml/itemProps36.xml><?xml version="1.0" encoding="utf-8"?>
<ds:datastoreItem xmlns:ds="http://schemas.openxmlformats.org/officeDocument/2006/customXml" ds:itemID="{C10690C8-70BE-F24B-87D9-628C2839FDBA}">
  <ds:schemaRefs/>
</ds:datastoreItem>
</file>

<file path=customXml/itemProps37.xml><?xml version="1.0" encoding="utf-8"?>
<ds:datastoreItem xmlns:ds="http://schemas.openxmlformats.org/officeDocument/2006/customXml" ds:itemID="{3D08BB2A-435E-3E4D-952C-1E6AE5DDB5D6}">
  <ds:schemaRefs/>
</ds:datastoreItem>
</file>

<file path=customXml/itemProps4.xml><?xml version="1.0" encoding="utf-8"?>
<ds:datastoreItem xmlns:ds="http://schemas.openxmlformats.org/officeDocument/2006/customXml" ds:itemID="{9BA6235D-7E1A-4B9C-ADE5-24E162A87D03}">
  <ds:schemaRefs/>
</ds:datastoreItem>
</file>

<file path=customXml/itemProps5.xml><?xml version="1.0" encoding="utf-8"?>
<ds:datastoreItem xmlns:ds="http://schemas.openxmlformats.org/officeDocument/2006/customXml" ds:itemID="{74000B91-65A7-434F-BFE7-E9AFFDA522D1}">
  <ds:schemaRefs/>
</ds:datastoreItem>
</file>

<file path=customXml/itemProps6.xml><?xml version="1.0" encoding="utf-8"?>
<ds:datastoreItem xmlns:ds="http://schemas.openxmlformats.org/officeDocument/2006/customXml" ds:itemID="{ED2A37DE-9640-4BAD-87EB-02349D3561C8}">
  <ds:schemaRefs>
    <ds:schemaRef ds:uri="http://schemas.microsoft.com/sharepoint/v3/contenttype/forms"/>
  </ds:schemaRefs>
</ds:datastoreItem>
</file>

<file path=customXml/itemProps7.xml><?xml version="1.0" encoding="utf-8"?>
<ds:datastoreItem xmlns:ds="http://schemas.openxmlformats.org/officeDocument/2006/customXml" ds:itemID="{808711DD-7E2F-8C45-B631-B2178DE0F24D}">
  <ds:schemaRefs/>
</ds:datastoreItem>
</file>

<file path=customXml/itemProps8.xml><?xml version="1.0" encoding="utf-8"?>
<ds:datastoreItem xmlns:ds="http://schemas.openxmlformats.org/officeDocument/2006/customXml" ds:itemID="{DD23DDCC-ABAF-42D1-9CB2-07E72D883C32}">
  <ds:schemaRefs/>
</ds:datastoreItem>
</file>

<file path=customXml/itemProps9.xml><?xml version="1.0" encoding="utf-8"?>
<ds:datastoreItem xmlns:ds="http://schemas.openxmlformats.org/officeDocument/2006/customXml" ds:itemID="{51A340FE-33AD-B842-B659-78561CAC6DED}">
  <ds:schemaRefs/>
</ds:datastoreItem>
</file>

<file path=docProps/app.xml><?xml version="1.0" encoding="utf-8"?>
<Properties xmlns="http://schemas.openxmlformats.org/officeDocument/2006/extended-properties" xmlns:vt="http://schemas.openxmlformats.org/officeDocument/2006/docPropsVTypes">
  <Template>uni_stgallen_master_01</Template>
  <TotalTime>15083</TotalTime>
  <Words>1685</Words>
  <Application>Microsoft Macintosh PowerPoint</Application>
  <PresentationFormat>On-screen Show (16:9)</PresentationFormat>
  <Paragraphs>254</Paragraphs>
  <Slides>21</Slides>
  <Notes>21</Notes>
  <HiddenSlides>1</HiddenSlides>
  <MMClips>0</MMClips>
  <ScaleCrop>false</ScaleCrop>
  <HeadingPairs>
    <vt:vector size="6" baseType="variant">
      <vt:variant>
        <vt:lpstr>Fonts Used</vt:lpstr>
      </vt:variant>
      <vt:variant>
        <vt:i4>10</vt:i4>
      </vt:variant>
      <vt:variant>
        <vt:lpstr>Theme</vt:lpstr>
      </vt:variant>
      <vt:variant>
        <vt:i4>2</vt:i4>
      </vt:variant>
      <vt:variant>
        <vt:lpstr>Slide Titles</vt:lpstr>
      </vt:variant>
      <vt:variant>
        <vt:i4>21</vt:i4>
      </vt:variant>
    </vt:vector>
  </HeadingPairs>
  <TitlesOfParts>
    <vt:vector size="33" baseType="lpstr">
      <vt:lpstr>-apple-system</vt:lpstr>
      <vt:lpstr>Arial</vt:lpstr>
      <vt:lpstr>Calibri</vt:lpstr>
      <vt:lpstr>Cambria Math</vt:lpstr>
      <vt:lpstr>Gill Alt One MT Light</vt:lpstr>
      <vt:lpstr>Gill Sans Nova</vt:lpstr>
      <vt:lpstr>Gill Sans Nova Light</vt:lpstr>
      <vt:lpstr>Slack-Lato</vt:lpstr>
      <vt:lpstr>Söhne</vt:lpstr>
      <vt:lpstr>Wingdings</vt:lpstr>
      <vt:lpstr>UNISG PPT</vt:lpstr>
      <vt:lpstr>1_UNISG PPT</vt:lpstr>
      <vt:lpstr>Breaking News: Psycholinguistic and Behavioural Differences in (Un)-Trustworthy Online News Source Interaction</vt:lpstr>
      <vt:lpstr>PowerPoint Presentation</vt:lpstr>
      <vt:lpstr>PowerPoint Presentation</vt:lpstr>
      <vt:lpstr>Characterizing and predicting misinformation sharers I/II</vt:lpstr>
      <vt:lpstr>PowerPoint Presentation</vt:lpstr>
      <vt:lpstr>PowerPoint Presentation</vt:lpstr>
      <vt:lpstr>Characterization and early prediction of misinformation sharers</vt:lpstr>
      <vt:lpstr>PowerPoint Presentation</vt:lpstr>
      <vt:lpstr>Datasets</vt:lpstr>
      <vt:lpstr>Workflow</vt:lpstr>
      <vt:lpstr>Isolating users cohorts</vt:lpstr>
      <vt:lpstr>Preprocessing and feature engineering</vt:lpstr>
      <vt:lpstr>Modelling</vt:lpstr>
      <vt:lpstr>RQ1: Which psycholinguistic characteristics are  predictors of users’ probability of sharing (un)trustworthy news sources?</vt:lpstr>
      <vt:lpstr>RQ2: How does variation of psycholinguistic characteristic predict future sharing behaviour of (un)trustworthy news sources?</vt:lpstr>
      <vt:lpstr>PowerPoint Presentation</vt:lpstr>
      <vt:lpstr>Contributions &amp; Next Steps</vt:lpstr>
      <vt:lpstr>References [double check]</vt:lpstr>
      <vt:lpstr>PowerPoint Presentation</vt:lpstr>
      <vt:lpstr>PowerPoint Presentation</vt:lpstr>
      <vt:lpstr>Isolating users cohort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ie neue Marke quis resequi officae cus</dc:title>
  <dc:creator>Emanuel de Bellis</dc:creator>
  <cp:lastModifiedBy>Aluffi, Pietro</cp:lastModifiedBy>
  <cp:revision>6</cp:revision>
  <cp:lastPrinted>2023-05-05T14:23:39Z</cp:lastPrinted>
  <dcterms:created xsi:type="dcterms:W3CDTF">2022-02-23T07:40:47Z</dcterms:created>
  <dcterms:modified xsi:type="dcterms:W3CDTF">2023-05-08T20:49:4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4C2EED3AEDAB24AB48AF05A7A255DF4</vt:lpwstr>
  </property>
  <property fmtid="{D5CDD505-2E9C-101B-9397-08002B2CF9AE}" pid="3" name="TemplafyTimeStamp">
    <vt:lpwstr>2021-12-22T16:09:23</vt:lpwstr>
  </property>
  <property fmtid="{D5CDD505-2E9C-101B-9397-08002B2CF9AE}" pid="4" name="TemplafyTenantId">
    <vt:lpwstr>unisg</vt:lpwstr>
  </property>
  <property fmtid="{D5CDD505-2E9C-101B-9397-08002B2CF9AE}" pid="5" name="TemplafyTemplateId">
    <vt:lpwstr>637700762909751978</vt:lpwstr>
  </property>
  <property fmtid="{D5CDD505-2E9C-101B-9397-08002B2CF9AE}" pid="6" name="TemplafyUserProfileId">
    <vt:lpwstr>637722518589859556</vt:lpwstr>
  </property>
  <property fmtid="{D5CDD505-2E9C-101B-9397-08002B2CF9AE}" pid="7" name="TemplafyLanguageCode">
    <vt:lpwstr>en-GB</vt:lpwstr>
  </property>
  <property fmtid="{D5CDD505-2E9C-101B-9397-08002B2CF9AE}" pid="8" name="TemplafyFromBlank">
    <vt:bool>false</vt:bool>
  </property>
</Properties>
</file>